
<file path=[Content_Types].xml><?xml version="1.0" encoding="utf-8"?>
<Types xmlns="http://schemas.openxmlformats.org/package/2006/content-types">
  <Default Extension="emf" ContentType="image/x-emf"/>
  <Default Extension="jpeg" ContentType="image/jpeg"/>
  <Default Extension="jpg" ContentType="image/jp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drawings/drawing1.xml" ContentType="application/vnd.openxmlformats-officedocument.drawingml.chartshapes+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4"/>
  </p:notesMasterIdLst>
  <p:sldIdLst>
    <p:sldId id="256" r:id="rId2"/>
    <p:sldId id="258" r:id="rId3"/>
    <p:sldId id="257" r:id="rId4"/>
    <p:sldId id="540" r:id="rId5"/>
    <p:sldId id="1708" r:id="rId6"/>
    <p:sldId id="1705" r:id="rId7"/>
    <p:sldId id="296" r:id="rId8"/>
    <p:sldId id="2981" r:id="rId9"/>
    <p:sldId id="2984" r:id="rId10"/>
    <p:sldId id="2992" r:id="rId11"/>
    <p:sldId id="259" r:id="rId12"/>
    <p:sldId id="2988" r:id="rId13"/>
    <p:sldId id="2834" r:id="rId14"/>
    <p:sldId id="2835" r:id="rId15"/>
    <p:sldId id="2836" r:id="rId16"/>
    <p:sldId id="261" r:id="rId17"/>
    <p:sldId id="2838" r:id="rId18"/>
    <p:sldId id="2874" r:id="rId19"/>
    <p:sldId id="2873" r:id="rId20"/>
    <p:sldId id="287" r:id="rId21"/>
    <p:sldId id="3029" r:id="rId22"/>
    <p:sldId id="260" r:id="rId23"/>
    <p:sldId id="2990" r:id="rId24"/>
    <p:sldId id="266" r:id="rId25"/>
    <p:sldId id="2991" r:id="rId26"/>
    <p:sldId id="3033" r:id="rId27"/>
    <p:sldId id="3035" r:id="rId28"/>
    <p:sldId id="3034" r:id="rId29"/>
    <p:sldId id="3037" r:id="rId30"/>
    <p:sldId id="2840" r:id="rId31"/>
    <p:sldId id="2875" r:id="rId32"/>
    <p:sldId id="526" r:id="rId33"/>
    <p:sldId id="3008" r:id="rId34"/>
    <p:sldId id="427" r:id="rId35"/>
    <p:sldId id="3007" r:id="rId36"/>
    <p:sldId id="1716" r:id="rId37"/>
    <p:sldId id="3031" r:id="rId38"/>
    <p:sldId id="2896" r:id="rId39"/>
    <p:sldId id="775" r:id="rId40"/>
    <p:sldId id="3028" r:id="rId41"/>
    <p:sldId id="3032" r:id="rId42"/>
    <p:sldId id="2871" r:id="rId43"/>
  </p:sldIdLst>
  <p:sldSz cx="9144000" cy="6858000" type="screen4x3"/>
  <p:notesSz cx="6858000" cy="91440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F2EC6112-D229-4DE1-A705-16878AEDC382}" v="97" dt="2025-04-15T20:58:20.140"/>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4995" autoAdjust="0"/>
    <p:restoredTop sz="94660"/>
  </p:normalViewPr>
  <p:slideViewPr>
    <p:cSldViewPr snapToGrid="0">
      <p:cViewPr varScale="1">
        <p:scale>
          <a:sx n="59" d="100"/>
          <a:sy n="59" d="100"/>
        </p:scale>
        <p:origin x="1524" y="5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theme" Target="theme/theme1.xml"/><Relationship Id="rId50" Type="http://schemas.microsoft.com/office/2015/10/relationships/revisionInfo" Target="revisionInfo.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microsoft.com/office/2016/11/relationships/changesInfo" Target="changesInfos/changesInfo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tableStyles" Target="tableStyles.xml"/><Relationship Id="rId8" Type="http://schemas.openxmlformats.org/officeDocument/2006/relationships/slide" Target="slides/slide7.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芳彦 植野" userId="f73418c7d3ac11cb" providerId="LiveId" clId="{F2EC6112-D229-4DE1-A705-16878AEDC382}"/>
    <pc:docChg chg="custSel addSld delSld modSld modMainMaster">
      <pc:chgData name="芳彦 植野" userId="f73418c7d3ac11cb" providerId="LiveId" clId="{F2EC6112-D229-4DE1-A705-16878AEDC382}" dt="2025-04-15T20:59:01.189" v="1563" actId="2696"/>
      <pc:docMkLst>
        <pc:docMk/>
      </pc:docMkLst>
      <pc:sldChg chg="modSp mod">
        <pc:chgData name="芳彦 植野" userId="f73418c7d3ac11cb" providerId="LiveId" clId="{F2EC6112-D229-4DE1-A705-16878AEDC382}" dt="2025-03-28T09:11:56.647" v="90" actId="27636"/>
        <pc:sldMkLst>
          <pc:docMk/>
          <pc:sldMk cId="4215219934" sldId="256"/>
        </pc:sldMkLst>
        <pc:spChg chg="mod">
          <ac:chgData name="芳彦 植野" userId="f73418c7d3ac11cb" providerId="LiveId" clId="{F2EC6112-D229-4DE1-A705-16878AEDC382}" dt="2025-03-28T09:11:56.531" v="89"/>
          <ac:spMkLst>
            <pc:docMk/>
            <pc:sldMk cId="4215219934" sldId="256"/>
            <ac:spMk id="2" creationId="{29990D41-AD35-9DCA-A0C5-BFAA6F7EB2AE}"/>
          </ac:spMkLst>
        </pc:spChg>
        <pc:spChg chg="mod">
          <ac:chgData name="芳彦 植野" userId="f73418c7d3ac11cb" providerId="LiveId" clId="{F2EC6112-D229-4DE1-A705-16878AEDC382}" dt="2025-03-28T09:11:56.647" v="90" actId="27636"/>
          <ac:spMkLst>
            <pc:docMk/>
            <pc:sldMk cId="4215219934" sldId="256"/>
            <ac:spMk id="3" creationId="{418F9D74-1B3E-F361-85BB-89C737ADAE1D}"/>
          </ac:spMkLst>
        </pc:spChg>
      </pc:sldChg>
      <pc:sldChg chg="addSp modSp mod">
        <pc:chgData name="芳彦 植野" userId="f73418c7d3ac11cb" providerId="LiveId" clId="{F2EC6112-D229-4DE1-A705-16878AEDC382}" dt="2025-04-13T21:00:34.703" v="656" actId="14100"/>
        <pc:sldMkLst>
          <pc:docMk/>
          <pc:sldMk cId="2643802908" sldId="257"/>
        </pc:sldMkLst>
        <pc:spChg chg="add mod">
          <ac:chgData name="芳彦 植野" userId="f73418c7d3ac11cb" providerId="LiveId" clId="{F2EC6112-D229-4DE1-A705-16878AEDC382}" dt="2025-04-13T20:59:12.897" v="534" actId="1076"/>
          <ac:spMkLst>
            <pc:docMk/>
            <pc:sldMk cId="2643802908" sldId="257"/>
            <ac:spMk id="3" creationId="{8D4F2467-0BAB-A06C-2E89-2FA503F9D653}"/>
          </ac:spMkLst>
        </pc:spChg>
        <pc:spChg chg="add mod">
          <ac:chgData name="芳彦 植野" userId="f73418c7d3ac11cb" providerId="LiveId" clId="{F2EC6112-D229-4DE1-A705-16878AEDC382}" dt="2025-04-13T20:58:55.881" v="532" actId="14100"/>
          <ac:spMkLst>
            <pc:docMk/>
            <pc:sldMk cId="2643802908" sldId="257"/>
            <ac:spMk id="4" creationId="{CB0EFA8E-F91E-1B61-C0F7-09CF9791FB64}"/>
          </ac:spMkLst>
        </pc:spChg>
        <pc:spChg chg="add mod">
          <ac:chgData name="芳彦 植野" userId="f73418c7d3ac11cb" providerId="LiveId" clId="{F2EC6112-D229-4DE1-A705-16878AEDC382}" dt="2025-04-13T21:00:18.603" v="654" actId="20577"/>
          <ac:spMkLst>
            <pc:docMk/>
            <pc:sldMk cId="2643802908" sldId="257"/>
            <ac:spMk id="5" creationId="{3503C813-4F47-CA96-DC17-6EE61559AAEF}"/>
          </ac:spMkLst>
        </pc:spChg>
        <pc:picChg chg="mod">
          <ac:chgData name="芳彦 植野" userId="f73418c7d3ac11cb" providerId="LiveId" clId="{F2EC6112-D229-4DE1-A705-16878AEDC382}" dt="2025-04-13T21:00:34.703" v="656" actId="14100"/>
          <ac:picMkLst>
            <pc:docMk/>
            <pc:sldMk cId="2643802908" sldId="257"/>
            <ac:picMk id="2" creationId="{C9F5534D-2629-D8DA-D289-478DA4591C94}"/>
          </ac:picMkLst>
        </pc:picChg>
      </pc:sldChg>
      <pc:sldChg chg="addSp modSp new mod">
        <pc:chgData name="芳彦 植野" userId="f73418c7d3ac11cb" providerId="LiveId" clId="{F2EC6112-D229-4DE1-A705-16878AEDC382}" dt="2025-04-13T20:57:23.374" v="398" actId="255"/>
        <pc:sldMkLst>
          <pc:docMk/>
          <pc:sldMk cId="223895679" sldId="258"/>
        </pc:sldMkLst>
        <pc:spChg chg="add mod">
          <ac:chgData name="芳彦 植野" userId="f73418c7d3ac11cb" providerId="LiveId" clId="{F2EC6112-D229-4DE1-A705-16878AEDC382}" dt="2025-04-13T20:57:23.374" v="398" actId="255"/>
          <ac:spMkLst>
            <pc:docMk/>
            <pc:sldMk cId="223895679" sldId="258"/>
            <ac:spMk id="3" creationId="{621D1D9B-2156-913E-3022-F0E31332B2FF}"/>
          </ac:spMkLst>
        </pc:spChg>
        <pc:picChg chg="add mod">
          <ac:chgData name="芳彦 植野" userId="f73418c7d3ac11cb" providerId="LiveId" clId="{F2EC6112-D229-4DE1-A705-16878AEDC382}" dt="2025-03-28T09:11:56.531" v="89"/>
          <ac:picMkLst>
            <pc:docMk/>
            <pc:sldMk cId="223895679" sldId="258"/>
            <ac:picMk id="2" creationId="{F9E0FF89-1F37-4CC0-5D50-217DBE17A470}"/>
          </ac:picMkLst>
        </pc:picChg>
      </pc:sldChg>
      <pc:sldChg chg="add del">
        <pc:chgData name="芳彦 植野" userId="f73418c7d3ac11cb" providerId="LiveId" clId="{F2EC6112-D229-4DE1-A705-16878AEDC382}" dt="2025-04-09T18:01:09.730" v="99" actId="2696"/>
        <pc:sldMkLst>
          <pc:docMk/>
          <pc:sldMk cId="0" sldId="259"/>
        </pc:sldMkLst>
      </pc:sldChg>
      <pc:sldChg chg="addSp new del">
        <pc:chgData name="芳彦 植野" userId="f73418c7d3ac11cb" providerId="LiveId" clId="{F2EC6112-D229-4DE1-A705-16878AEDC382}" dt="2025-04-09T17:57:10.791" v="97" actId="2696"/>
        <pc:sldMkLst>
          <pc:docMk/>
          <pc:sldMk cId="856828732" sldId="259"/>
        </pc:sldMkLst>
      </pc:sldChg>
      <pc:sldChg chg="addSp new del">
        <pc:chgData name="芳彦 植野" userId="f73418c7d3ac11cb" providerId="LiveId" clId="{F2EC6112-D229-4DE1-A705-16878AEDC382}" dt="2025-04-13T07:19:57.131" v="135" actId="2696"/>
        <pc:sldMkLst>
          <pc:docMk/>
          <pc:sldMk cId="2485171665" sldId="259"/>
        </pc:sldMkLst>
      </pc:sldChg>
      <pc:sldChg chg="addSp modSp add mod">
        <pc:chgData name="芳彦 植野" userId="f73418c7d3ac11cb" providerId="LiveId" clId="{F2EC6112-D229-4DE1-A705-16878AEDC382}" dt="2025-04-13T08:15:47.077" v="306" actId="255"/>
        <pc:sldMkLst>
          <pc:docMk/>
          <pc:sldMk cId="4019006849" sldId="259"/>
        </pc:sldMkLst>
        <pc:spChg chg="add mod">
          <ac:chgData name="芳彦 植野" userId="f73418c7d3ac11cb" providerId="LiveId" clId="{F2EC6112-D229-4DE1-A705-16878AEDC382}" dt="2025-04-13T08:15:47.077" v="306" actId="255"/>
          <ac:spMkLst>
            <pc:docMk/>
            <pc:sldMk cId="4019006849" sldId="259"/>
            <ac:spMk id="4" creationId="{95748091-E03E-0D38-D9F6-DBE10DC37841}"/>
          </ac:spMkLst>
        </pc:spChg>
        <pc:picChg chg="mod">
          <ac:chgData name="芳彦 植野" userId="f73418c7d3ac11cb" providerId="LiveId" clId="{F2EC6112-D229-4DE1-A705-16878AEDC382}" dt="2025-04-13T08:15:08.899" v="272" actId="1076"/>
          <ac:picMkLst>
            <pc:docMk/>
            <pc:sldMk cId="4019006849" sldId="259"/>
            <ac:picMk id="2" creationId="{6B8EA9EE-E32A-8C47-37D0-A8DDE516A8B1}"/>
          </ac:picMkLst>
        </pc:picChg>
        <pc:picChg chg="add mod">
          <ac:chgData name="芳彦 植野" userId="f73418c7d3ac11cb" providerId="LiveId" clId="{F2EC6112-D229-4DE1-A705-16878AEDC382}" dt="2025-04-13T08:15:14.521" v="273" actId="1076"/>
          <ac:picMkLst>
            <pc:docMk/>
            <pc:sldMk cId="4019006849" sldId="259"/>
            <ac:picMk id="3" creationId="{5698356E-41DC-9584-F381-FF25ADAB8902}"/>
          </ac:picMkLst>
        </pc:picChg>
      </pc:sldChg>
      <pc:sldChg chg="modSp add del mod">
        <pc:chgData name="芳彦 植野" userId="f73418c7d3ac11cb" providerId="LiveId" clId="{F2EC6112-D229-4DE1-A705-16878AEDC382}" dt="2025-04-14T19:05:07.839" v="1324" actId="1076"/>
        <pc:sldMkLst>
          <pc:docMk/>
          <pc:sldMk cId="0" sldId="260"/>
        </pc:sldMkLst>
        <pc:spChg chg="mod">
          <ac:chgData name="芳彦 植野" userId="f73418c7d3ac11cb" providerId="LiveId" clId="{F2EC6112-D229-4DE1-A705-16878AEDC382}" dt="2025-04-14T19:05:07.839" v="1324" actId="1076"/>
          <ac:spMkLst>
            <pc:docMk/>
            <pc:sldMk cId="0" sldId="260"/>
            <ac:spMk id="2" creationId="{00000000-0000-0000-0000-000000000000}"/>
          </ac:spMkLst>
        </pc:spChg>
      </pc:sldChg>
      <pc:sldChg chg="add del">
        <pc:chgData name="芳彦 植野" userId="f73418c7d3ac11cb" providerId="LiveId" clId="{F2EC6112-D229-4DE1-A705-16878AEDC382}" dt="2025-04-09T17:26:14.407" v="96" actId="2696"/>
        <pc:sldMkLst>
          <pc:docMk/>
          <pc:sldMk cId="750689577" sldId="260"/>
        </pc:sldMkLst>
      </pc:sldChg>
      <pc:sldChg chg="addSp new del">
        <pc:chgData name="芳彦 植野" userId="f73418c7d3ac11cb" providerId="LiveId" clId="{F2EC6112-D229-4DE1-A705-16878AEDC382}" dt="2025-04-12T22:37:15.836" v="123" actId="2696"/>
        <pc:sldMkLst>
          <pc:docMk/>
          <pc:sldMk cId="3304511816" sldId="260"/>
        </pc:sldMkLst>
      </pc:sldChg>
      <pc:sldChg chg="add">
        <pc:chgData name="芳彦 植野" userId="f73418c7d3ac11cb" providerId="LiveId" clId="{F2EC6112-D229-4DE1-A705-16878AEDC382}" dt="2025-04-13T21:01:01.826" v="658"/>
        <pc:sldMkLst>
          <pc:docMk/>
          <pc:sldMk cId="3066262478" sldId="261"/>
        </pc:sldMkLst>
      </pc:sldChg>
      <pc:sldChg chg="addSp modSp new del mod">
        <pc:chgData name="芳彦 植野" userId="f73418c7d3ac11cb" providerId="LiveId" clId="{F2EC6112-D229-4DE1-A705-16878AEDC382}" dt="2025-04-13T21:00:51.345" v="657" actId="2696"/>
        <pc:sldMkLst>
          <pc:docMk/>
          <pc:sldMk cId="3947213166" sldId="261"/>
        </pc:sldMkLst>
      </pc:sldChg>
      <pc:sldChg chg="modSp add del mod">
        <pc:chgData name="芳彦 植野" userId="f73418c7d3ac11cb" providerId="LiveId" clId="{F2EC6112-D229-4DE1-A705-16878AEDC382}" dt="2025-04-13T08:20:35.635" v="359" actId="2696"/>
        <pc:sldMkLst>
          <pc:docMk/>
          <pc:sldMk cId="0" sldId="262"/>
        </pc:sldMkLst>
      </pc:sldChg>
      <pc:sldChg chg="add">
        <pc:chgData name="芳彦 植野" userId="f73418c7d3ac11cb" providerId="LiveId" clId="{F2EC6112-D229-4DE1-A705-16878AEDC382}" dt="2025-04-13T08:05:18.702" v="208"/>
        <pc:sldMkLst>
          <pc:docMk/>
          <pc:sldMk cId="0" sldId="266"/>
        </pc:sldMkLst>
      </pc:sldChg>
      <pc:sldChg chg="add del">
        <pc:chgData name="芳彦 植野" userId="f73418c7d3ac11cb" providerId="LiveId" clId="{F2EC6112-D229-4DE1-A705-16878AEDC382}" dt="2025-04-13T08:19:31.595" v="348" actId="2696"/>
        <pc:sldMkLst>
          <pc:docMk/>
          <pc:sldMk cId="0" sldId="267"/>
        </pc:sldMkLst>
      </pc:sldChg>
      <pc:sldChg chg="modSp add mod">
        <pc:chgData name="芳彦 植野" userId="f73418c7d3ac11cb" providerId="LiveId" clId="{F2EC6112-D229-4DE1-A705-16878AEDC382}" dt="2025-04-13T08:18:11.557" v="344" actId="113"/>
        <pc:sldMkLst>
          <pc:docMk/>
          <pc:sldMk cId="4270856307" sldId="287"/>
        </pc:sldMkLst>
        <pc:spChg chg="mod">
          <ac:chgData name="芳彦 植野" userId="f73418c7d3ac11cb" providerId="LiveId" clId="{F2EC6112-D229-4DE1-A705-16878AEDC382}" dt="2025-04-13T08:17:10.248" v="340" actId="1076"/>
          <ac:spMkLst>
            <pc:docMk/>
            <pc:sldMk cId="4270856307" sldId="287"/>
            <ac:spMk id="3" creationId="{7C296207-EB9D-F613-72A7-E61C49C0696F}"/>
          </ac:spMkLst>
        </pc:spChg>
        <pc:graphicFrameChg chg="mod modGraphic">
          <ac:chgData name="芳彦 植野" userId="f73418c7d3ac11cb" providerId="LiveId" clId="{F2EC6112-D229-4DE1-A705-16878AEDC382}" dt="2025-04-13T08:18:11.557" v="344" actId="113"/>
          <ac:graphicFrameMkLst>
            <pc:docMk/>
            <pc:sldMk cId="4270856307" sldId="287"/>
            <ac:graphicFrameMk id="2" creationId="{AE4B5968-BC62-BD4A-B8B6-943246BF7A30}"/>
          </ac:graphicFrameMkLst>
        </pc:graphicFrameChg>
      </pc:sldChg>
      <pc:sldChg chg="modSp add mod">
        <pc:chgData name="芳彦 植野" userId="f73418c7d3ac11cb" providerId="LiveId" clId="{F2EC6112-D229-4DE1-A705-16878AEDC382}" dt="2025-04-14T19:01:01.551" v="1180" actId="1076"/>
        <pc:sldMkLst>
          <pc:docMk/>
          <pc:sldMk cId="0" sldId="296"/>
        </pc:sldMkLst>
        <pc:spChg chg="mod">
          <ac:chgData name="芳彦 植野" userId="f73418c7d3ac11cb" providerId="LiveId" clId="{F2EC6112-D229-4DE1-A705-16878AEDC382}" dt="2025-04-14T19:01:01.551" v="1180" actId="1076"/>
          <ac:spMkLst>
            <pc:docMk/>
            <pc:sldMk cId="0" sldId="296"/>
            <ac:spMk id="3" creationId="{37E07163-B716-FBA7-527E-B271BAE2025A}"/>
          </ac:spMkLst>
        </pc:spChg>
      </pc:sldChg>
      <pc:sldChg chg="modSp add mod">
        <pc:chgData name="芳彦 植野" userId="f73418c7d3ac11cb" providerId="LiveId" clId="{F2EC6112-D229-4DE1-A705-16878AEDC382}" dt="2025-04-14T19:07:14.871" v="1370" actId="6549"/>
        <pc:sldMkLst>
          <pc:docMk/>
          <pc:sldMk cId="1732934232" sldId="427"/>
        </pc:sldMkLst>
        <pc:spChg chg="mod">
          <ac:chgData name="芳彦 植野" userId="f73418c7d3ac11cb" providerId="LiveId" clId="{F2EC6112-D229-4DE1-A705-16878AEDC382}" dt="2025-04-14T19:07:14.871" v="1370" actId="6549"/>
          <ac:spMkLst>
            <pc:docMk/>
            <pc:sldMk cId="1732934232" sldId="427"/>
            <ac:spMk id="7" creationId="{A1002F52-764A-18CD-932B-D11F618FF1FA}"/>
          </ac:spMkLst>
        </pc:spChg>
      </pc:sldChg>
      <pc:sldChg chg="add">
        <pc:chgData name="芳彦 植野" userId="f73418c7d3ac11cb" providerId="LiveId" clId="{F2EC6112-D229-4DE1-A705-16878AEDC382}" dt="2025-04-13T19:41:09.309" v="366"/>
        <pc:sldMkLst>
          <pc:docMk/>
          <pc:sldMk cId="0" sldId="526"/>
        </pc:sldMkLst>
      </pc:sldChg>
      <pc:sldChg chg="add">
        <pc:chgData name="芳彦 植野" userId="f73418c7d3ac11cb" providerId="LiveId" clId="{F2EC6112-D229-4DE1-A705-16878AEDC382}" dt="2025-04-10T20:54:19.961" v="107"/>
        <pc:sldMkLst>
          <pc:docMk/>
          <pc:sldMk cId="3086266854" sldId="540"/>
        </pc:sldMkLst>
      </pc:sldChg>
      <pc:sldChg chg="addSp delSp add mod">
        <pc:chgData name="芳彦 植野" userId="f73418c7d3ac11cb" providerId="LiveId" clId="{F2EC6112-D229-4DE1-A705-16878AEDC382}" dt="2025-04-13T21:05:01.038" v="936" actId="21"/>
        <pc:sldMkLst>
          <pc:docMk/>
          <pc:sldMk cId="0" sldId="775"/>
        </pc:sldMkLst>
      </pc:sldChg>
      <pc:sldChg chg="modSp add del mod">
        <pc:chgData name="芳彦 植野" userId="f73418c7d3ac11cb" providerId="LiveId" clId="{F2EC6112-D229-4DE1-A705-16878AEDC382}" dt="2025-04-15T20:59:01.189" v="1563" actId="2696"/>
        <pc:sldMkLst>
          <pc:docMk/>
          <pc:sldMk cId="0" sldId="1134"/>
        </pc:sldMkLst>
        <pc:spChg chg="mod">
          <ac:chgData name="芳彦 植野" userId="f73418c7d3ac11cb" providerId="LiveId" clId="{F2EC6112-D229-4DE1-A705-16878AEDC382}" dt="2025-04-13T19:53:59.361" v="375" actId="27636"/>
          <ac:spMkLst>
            <pc:docMk/>
            <pc:sldMk cId="0" sldId="1134"/>
            <ac:spMk id="46082" creationId="{7CCC9637-E675-B862-6499-28554FF9F6A7}"/>
          </ac:spMkLst>
        </pc:spChg>
      </pc:sldChg>
      <pc:sldChg chg="modSp add del mod">
        <pc:chgData name="芳彦 植野" userId="f73418c7d3ac11cb" providerId="LiveId" clId="{F2EC6112-D229-4DE1-A705-16878AEDC382}" dt="2025-04-13T07:20:25.094" v="137" actId="2696"/>
        <pc:sldMkLst>
          <pc:docMk/>
          <pc:sldMk cId="1724887067" sldId="1154"/>
        </pc:sldMkLst>
      </pc:sldChg>
      <pc:sldChg chg="addSp delSp add mod">
        <pc:chgData name="芳彦 植野" userId="f73418c7d3ac11cb" providerId="LiveId" clId="{F2EC6112-D229-4DE1-A705-16878AEDC382}" dt="2025-04-10T20:55:12.903" v="111" actId="21"/>
        <pc:sldMkLst>
          <pc:docMk/>
          <pc:sldMk cId="3486485351" sldId="1705"/>
        </pc:sldMkLst>
      </pc:sldChg>
      <pc:sldChg chg="add">
        <pc:chgData name="芳彦 植野" userId="f73418c7d3ac11cb" providerId="LiveId" clId="{F2EC6112-D229-4DE1-A705-16878AEDC382}" dt="2025-04-10T20:54:35.040" v="108"/>
        <pc:sldMkLst>
          <pc:docMk/>
          <pc:sldMk cId="0" sldId="1708"/>
        </pc:sldMkLst>
      </pc:sldChg>
      <pc:sldChg chg="add">
        <pc:chgData name="芳彦 植野" userId="f73418c7d3ac11cb" providerId="LiveId" clId="{F2EC6112-D229-4DE1-A705-16878AEDC382}" dt="2025-04-13T19:50:30.056" v="372"/>
        <pc:sldMkLst>
          <pc:docMk/>
          <pc:sldMk cId="111035789" sldId="1716"/>
        </pc:sldMkLst>
      </pc:sldChg>
      <pc:sldChg chg="add del">
        <pc:chgData name="芳彦 植野" userId="f73418c7d3ac11cb" providerId="LiveId" clId="{F2EC6112-D229-4DE1-A705-16878AEDC382}" dt="2025-04-13T08:15:52.247" v="307" actId="2696"/>
        <pc:sldMkLst>
          <pc:docMk/>
          <pc:sldMk cId="1052291615" sldId="2828"/>
        </pc:sldMkLst>
      </pc:sldChg>
      <pc:sldChg chg="modSp add mod">
        <pc:chgData name="芳彦 植野" userId="f73418c7d3ac11cb" providerId="LiveId" clId="{F2EC6112-D229-4DE1-A705-16878AEDC382}" dt="2025-04-14T19:01:48.257" v="1185" actId="1076"/>
        <pc:sldMkLst>
          <pc:docMk/>
          <pc:sldMk cId="2074685550" sldId="2834"/>
        </pc:sldMkLst>
        <pc:spChg chg="mod">
          <ac:chgData name="芳彦 植野" userId="f73418c7d3ac11cb" providerId="LiveId" clId="{F2EC6112-D229-4DE1-A705-16878AEDC382}" dt="2025-04-13T08:16:04.218" v="309" actId="1076"/>
          <ac:spMkLst>
            <pc:docMk/>
            <pc:sldMk cId="2074685550" sldId="2834"/>
            <ac:spMk id="3" creationId="{C9AD1A3B-B7B1-A471-E0CA-02DB327263DB}"/>
          </ac:spMkLst>
        </pc:spChg>
        <pc:picChg chg="mod">
          <ac:chgData name="芳彦 植野" userId="f73418c7d3ac11cb" providerId="LiveId" clId="{F2EC6112-D229-4DE1-A705-16878AEDC382}" dt="2025-04-14T19:01:48.257" v="1185" actId="1076"/>
          <ac:picMkLst>
            <pc:docMk/>
            <pc:sldMk cId="2074685550" sldId="2834"/>
            <ac:picMk id="2" creationId="{809D60EC-C3DD-577C-3FBA-728389265F59}"/>
          </ac:picMkLst>
        </pc:picChg>
      </pc:sldChg>
      <pc:sldChg chg="modSp add mod">
        <pc:chgData name="芳彦 植野" userId="f73418c7d3ac11cb" providerId="LiveId" clId="{F2EC6112-D229-4DE1-A705-16878AEDC382}" dt="2025-04-13T08:16:14.930" v="311" actId="1076"/>
        <pc:sldMkLst>
          <pc:docMk/>
          <pc:sldMk cId="3988580410" sldId="2835"/>
        </pc:sldMkLst>
        <pc:spChg chg="mod">
          <ac:chgData name="芳彦 植野" userId="f73418c7d3ac11cb" providerId="LiveId" clId="{F2EC6112-D229-4DE1-A705-16878AEDC382}" dt="2025-04-13T08:16:14.930" v="311" actId="1076"/>
          <ac:spMkLst>
            <pc:docMk/>
            <pc:sldMk cId="3988580410" sldId="2835"/>
            <ac:spMk id="3" creationId="{D4D06EFD-A788-E1D3-A5D8-0EBFAAE1A559}"/>
          </ac:spMkLst>
        </pc:spChg>
      </pc:sldChg>
      <pc:sldChg chg="add">
        <pc:chgData name="芳彦 植野" userId="f73418c7d3ac11cb" providerId="LiveId" clId="{F2EC6112-D229-4DE1-A705-16878AEDC382}" dt="2025-04-12T22:40:40.924" v="131"/>
        <pc:sldMkLst>
          <pc:docMk/>
          <pc:sldMk cId="2795812118" sldId="2836"/>
        </pc:sldMkLst>
      </pc:sldChg>
      <pc:sldChg chg="add">
        <pc:chgData name="芳彦 植野" userId="f73418c7d3ac11cb" providerId="LiveId" clId="{F2EC6112-D229-4DE1-A705-16878AEDC382}" dt="2025-04-12T22:40:58.389" v="132"/>
        <pc:sldMkLst>
          <pc:docMk/>
          <pc:sldMk cId="2109237020" sldId="2838"/>
        </pc:sldMkLst>
      </pc:sldChg>
      <pc:sldChg chg="modSp add mod">
        <pc:chgData name="芳彦 植野" userId="f73418c7d3ac11cb" providerId="LiveId" clId="{F2EC6112-D229-4DE1-A705-16878AEDC382}" dt="2025-04-14T19:06:33.980" v="1328" actId="2711"/>
        <pc:sldMkLst>
          <pc:docMk/>
          <pc:sldMk cId="2226629661" sldId="2840"/>
        </pc:sldMkLst>
        <pc:spChg chg="mod">
          <ac:chgData name="芳彦 植野" userId="f73418c7d3ac11cb" providerId="LiveId" clId="{F2EC6112-D229-4DE1-A705-16878AEDC382}" dt="2025-04-14T19:06:33.980" v="1328" actId="2711"/>
          <ac:spMkLst>
            <pc:docMk/>
            <pc:sldMk cId="2226629661" sldId="2840"/>
            <ac:spMk id="2" creationId="{C7939E29-AED7-55EF-A56E-4E4F2847D870}"/>
          </ac:spMkLst>
        </pc:spChg>
      </pc:sldChg>
      <pc:sldChg chg="modSp add del mod">
        <pc:chgData name="芳彦 植野" userId="f73418c7d3ac11cb" providerId="LiveId" clId="{F2EC6112-D229-4DE1-A705-16878AEDC382}" dt="2025-04-15T20:48:25.792" v="1494" actId="2696"/>
        <pc:sldMkLst>
          <pc:docMk/>
          <pc:sldMk cId="4154862475" sldId="2842"/>
        </pc:sldMkLst>
        <pc:spChg chg="mod">
          <ac:chgData name="芳彦 植野" userId="f73418c7d3ac11cb" providerId="LiveId" clId="{F2EC6112-D229-4DE1-A705-16878AEDC382}" dt="2025-04-14T19:02:28.531" v="1203" actId="20577"/>
          <ac:spMkLst>
            <pc:docMk/>
            <pc:sldMk cId="4154862475" sldId="2842"/>
            <ac:spMk id="3" creationId="{EAFB6DF2-2F0F-BB6B-90FA-23CCAB459865}"/>
          </ac:spMkLst>
        </pc:spChg>
      </pc:sldChg>
      <pc:sldChg chg="modSp add del mod">
        <pc:chgData name="芳彦 植野" userId="f73418c7d3ac11cb" providerId="LiveId" clId="{F2EC6112-D229-4DE1-A705-16878AEDC382}" dt="2025-04-13T08:18:59.643" v="347" actId="2696"/>
        <pc:sldMkLst>
          <pc:docMk/>
          <pc:sldMk cId="1399641646" sldId="2844"/>
        </pc:sldMkLst>
      </pc:sldChg>
      <pc:sldChg chg="add del">
        <pc:chgData name="芳彦 植野" userId="f73418c7d3ac11cb" providerId="LiveId" clId="{F2EC6112-D229-4DE1-A705-16878AEDC382}" dt="2025-04-13T08:19:39.460" v="350" actId="2696"/>
        <pc:sldMkLst>
          <pc:docMk/>
          <pc:sldMk cId="0" sldId="2869"/>
        </pc:sldMkLst>
      </pc:sldChg>
      <pc:sldChg chg="add del">
        <pc:chgData name="芳彦 植野" userId="f73418c7d3ac11cb" providerId="LiveId" clId="{F2EC6112-D229-4DE1-A705-16878AEDC382}" dt="2025-04-13T08:19:36.884" v="349" actId="2696"/>
        <pc:sldMkLst>
          <pc:docMk/>
          <pc:sldMk cId="0" sldId="2870"/>
        </pc:sldMkLst>
      </pc:sldChg>
      <pc:sldChg chg="modSp add mod">
        <pc:chgData name="芳彦 植野" userId="f73418c7d3ac11cb" providerId="LiveId" clId="{F2EC6112-D229-4DE1-A705-16878AEDC382}" dt="2025-04-13T07:27:59.779" v="174" actId="27636"/>
        <pc:sldMkLst>
          <pc:docMk/>
          <pc:sldMk cId="4061476101" sldId="2871"/>
        </pc:sldMkLst>
        <pc:spChg chg="mod">
          <ac:chgData name="芳彦 植野" userId="f73418c7d3ac11cb" providerId="LiveId" clId="{F2EC6112-D229-4DE1-A705-16878AEDC382}" dt="2025-04-13T07:27:59.779" v="174" actId="27636"/>
          <ac:spMkLst>
            <pc:docMk/>
            <pc:sldMk cId="4061476101" sldId="2871"/>
            <ac:spMk id="3" creationId="{3DD4545E-FED3-8E24-92BF-8C879DEF0438}"/>
          </ac:spMkLst>
        </pc:spChg>
      </pc:sldChg>
      <pc:sldChg chg="addSp modSp add mod">
        <pc:chgData name="芳彦 植野" userId="f73418c7d3ac11cb" providerId="LiveId" clId="{F2EC6112-D229-4DE1-A705-16878AEDC382}" dt="2025-04-13T08:16:48.273" v="337" actId="20577"/>
        <pc:sldMkLst>
          <pc:docMk/>
          <pc:sldMk cId="3029339790" sldId="2873"/>
        </pc:sldMkLst>
        <pc:spChg chg="add mod">
          <ac:chgData name="芳彦 植野" userId="f73418c7d3ac11cb" providerId="LiveId" clId="{F2EC6112-D229-4DE1-A705-16878AEDC382}" dt="2025-04-13T08:16:48.273" v="337" actId="20577"/>
          <ac:spMkLst>
            <pc:docMk/>
            <pc:sldMk cId="3029339790" sldId="2873"/>
            <ac:spMk id="3" creationId="{5588D465-5486-17C0-EB05-ACCB468EC278}"/>
          </ac:spMkLst>
        </pc:spChg>
      </pc:sldChg>
      <pc:sldChg chg="modSp add mod">
        <pc:chgData name="芳彦 植野" userId="f73418c7d3ac11cb" providerId="LiveId" clId="{F2EC6112-D229-4DE1-A705-16878AEDC382}" dt="2025-04-13T07:21:15.553" v="145" actId="1076"/>
        <pc:sldMkLst>
          <pc:docMk/>
          <pc:sldMk cId="1747982129" sldId="2874"/>
        </pc:sldMkLst>
        <pc:spChg chg="mod">
          <ac:chgData name="芳彦 植野" userId="f73418c7d3ac11cb" providerId="LiveId" clId="{F2EC6112-D229-4DE1-A705-16878AEDC382}" dt="2025-04-13T07:21:10.313" v="142" actId="1076"/>
          <ac:spMkLst>
            <pc:docMk/>
            <pc:sldMk cId="1747982129" sldId="2874"/>
            <ac:spMk id="4" creationId="{7E5822B6-F874-0AE0-5789-880CE11AC808}"/>
          </ac:spMkLst>
        </pc:spChg>
        <pc:picChg chg="mod">
          <ac:chgData name="芳彦 植野" userId="f73418c7d3ac11cb" providerId="LiveId" clId="{F2EC6112-D229-4DE1-A705-16878AEDC382}" dt="2025-04-13T07:21:15.553" v="145" actId="1076"/>
          <ac:picMkLst>
            <pc:docMk/>
            <pc:sldMk cId="1747982129" sldId="2874"/>
            <ac:picMk id="2" creationId="{8F52C404-2E8D-380E-DF94-DE0119DEBD29}"/>
          </ac:picMkLst>
        </pc:picChg>
      </pc:sldChg>
      <pc:sldChg chg="modSp add mod">
        <pc:chgData name="芳彦 植野" userId="f73418c7d3ac11cb" providerId="LiveId" clId="{F2EC6112-D229-4DE1-A705-16878AEDC382}" dt="2025-04-13T07:29:24.679" v="204" actId="1076"/>
        <pc:sldMkLst>
          <pc:docMk/>
          <pc:sldMk cId="4087996921" sldId="2875"/>
        </pc:sldMkLst>
        <pc:spChg chg="mod">
          <ac:chgData name="芳彦 植野" userId="f73418c7d3ac11cb" providerId="LiveId" clId="{F2EC6112-D229-4DE1-A705-16878AEDC382}" dt="2025-04-13T07:29:24.679" v="204" actId="1076"/>
          <ac:spMkLst>
            <pc:docMk/>
            <pc:sldMk cId="4087996921" sldId="2875"/>
            <ac:spMk id="2" creationId="{C7939E29-AED7-55EF-A56E-4E4F2847D870}"/>
          </ac:spMkLst>
        </pc:spChg>
      </pc:sldChg>
      <pc:sldChg chg="add">
        <pc:chgData name="芳彦 植野" userId="f73418c7d3ac11cb" providerId="LiveId" clId="{F2EC6112-D229-4DE1-A705-16878AEDC382}" dt="2025-04-13T19:42:37.110" v="370"/>
        <pc:sldMkLst>
          <pc:docMk/>
          <pc:sldMk cId="0" sldId="2896"/>
        </pc:sldMkLst>
      </pc:sldChg>
      <pc:sldChg chg="add">
        <pc:chgData name="芳彦 植野" userId="f73418c7d3ac11cb" providerId="LiveId" clId="{F2EC6112-D229-4DE1-A705-16878AEDC382}" dt="2025-04-10T20:55:51.582" v="113"/>
        <pc:sldMkLst>
          <pc:docMk/>
          <pc:sldMk cId="4198815997" sldId="2981"/>
        </pc:sldMkLst>
      </pc:sldChg>
      <pc:sldChg chg="addSp new del">
        <pc:chgData name="芳彦 植野" userId="f73418c7d3ac11cb" providerId="LiveId" clId="{F2EC6112-D229-4DE1-A705-16878AEDC382}" dt="2025-04-15T20:48:01.591" v="1493" actId="2696"/>
        <pc:sldMkLst>
          <pc:docMk/>
          <pc:sldMk cId="3737751231" sldId="2982"/>
        </pc:sldMkLst>
      </pc:sldChg>
      <pc:sldChg chg="addSp new del">
        <pc:chgData name="芳彦 植野" userId="f73418c7d3ac11cb" providerId="LiveId" clId="{F2EC6112-D229-4DE1-A705-16878AEDC382}" dt="2025-04-13T08:14:39.031" v="270" actId="2696"/>
        <pc:sldMkLst>
          <pc:docMk/>
          <pc:sldMk cId="246762132" sldId="2983"/>
        </pc:sldMkLst>
      </pc:sldChg>
      <pc:sldChg chg="addSp new del">
        <pc:chgData name="芳彦 植野" userId="f73418c7d3ac11cb" providerId="LiveId" clId="{F2EC6112-D229-4DE1-A705-16878AEDC382}" dt="2025-04-13T08:14:22.912" v="267" actId="2696"/>
        <pc:sldMkLst>
          <pc:docMk/>
          <pc:sldMk cId="2863780638" sldId="2984"/>
        </pc:sldMkLst>
      </pc:sldChg>
      <pc:sldChg chg="addSp modSp add mod">
        <pc:chgData name="芳彦 植野" userId="f73418c7d3ac11cb" providerId="LiveId" clId="{F2EC6112-D229-4DE1-A705-16878AEDC382}" dt="2025-04-14T19:00:45.257" v="1179" actId="1076"/>
        <pc:sldMkLst>
          <pc:docMk/>
          <pc:sldMk cId="2866315992" sldId="2984"/>
        </pc:sldMkLst>
        <pc:spChg chg="add mod">
          <ac:chgData name="芳彦 植野" userId="f73418c7d3ac11cb" providerId="LiveId" clId="{F2EC6112-D229-4DE1-A705-16878AEDC382}" dt="2025-04-14T19:00:45.257" v="1179" actId="1076"/>
          <ac:spMkLst>
            <pc:docMk/>
            <pc:sldMk cId="2866315992" sldId="2984"/>
            <ac:spMk id="3" creationId="{63D9F007-3FDF-EB17-BF32-6B74DB11EC01}"/>
          </ac:spMkLst>
        </pc:spChg>
        <pc:picChg chg="mod">
          <ac:chgData name="芳彦 植野" userId="f73418c7d3ac11cb" providerId="LiveId" clId="{F2EC6112-D229-4DE1-A705-16878AEDC382}" dt="2025-04-14T19:00:41.641" v="1178" actId="1076"/>
          <ac:picMkLst>
            <pc:docMk/>
            <pc:sldMk cId="2866315992" sldId="2984"/>
            <ac:picMk id="2" creationId="{D916F0E2-BCBC-C10B-74F4-5CDE52FF857B}"/>
          </ac:picMkLst>
        </pc:picChg>
      </pc:sldChg>
      <pc:sldChg chg="addSp new del">
        <pc:chgData name="芳彦 植野" userId="f73418c7d3ac11cb" providerId="LiveId" clId="{F2EC6112-D229-4DE1-A705-16878AEDC382}" dt="2025-04-13T07:20:39.222" v="139" actId="2696"/>
        <pc:sldMkLst>
          <pc:docMk/>
          <pc:sldMk cId="3445994074" sldId="2985"/>
        </pc:sldMkLst>
      </pc:sldChg>
      <pc:sldChg chg="new del">
        <pc:chgData name="芳彦 植野" userId="f73418c7d3ac11cb" providerId="LiveId" clId="{F2EC6112-D229-4DE1-A705-16878AEDC382}" dt="2025-04-13T07:20:27.988" v="138" actId="2696"/>
        <pc:sldMkLst>
          <pc:docMk/>
          <pc:sldMk cId="2213955744" sldId="2986"/>
        </pc:sldMkLst>
      </pc:sldChg>
      <pc:sldChg chg="delSp modSp add del mod">
        <pc:chgData name="芳彦 植野" userId="f73418c7d3ac11cb" providerId="LiveId" clId="{F2EC6112-D229-4DE1-A705-16878AEDC382}" dt="2025-04-13T08:14:03.205" v="266" actId="2696"/>
        <pc:sldMkLst>
          <pc:docMk/>
          <pc:sldMk cId="629301793" sldId="2987"/>
        </pc:sldMkLst>
      </pc:sldChg>
      <pc:sldChg chg="modSp add mod">
        <pc:chgData name="芳彦 植野" userId="f73418c7d3ac11cb" providerId="LiveId" clId="{F2EC6112-D229-4DE1-A705-16878AEDC382}" dt="2025-04-14T19:01:40.577" v="1184" actId="14100"/>
        <pc:sldMkLst>
          <pc:docMk/>
          <pc:sldMk cId="3124576001" sldId="2988"/>
        </pc:sldMkLst>
        <pc:spChg chg="mod">
          <ac:chgData name="芳彦 植野" userId="f73418c7d3ac11cb" providerId="LiveId" clId="{F2EC6112-D229-4DE1-A705-16878AEDC382}" dt="2025-04-13T08:15:58.321" v="308" actId="1076"/>
          <ac:spMkLst>
            <pc:docMk/>
            <pc:sldMk cId="3124576001" sldId="2988"/>
            <ac:spMk id="3" creationId="{891F3D9E-B934-74D9-E505-AF388BEDE077}"/>
          </ac:spMkLst>
        </pc:spChg>
        <pc:picChg chg="mod">
          <ac:chgData name="芳彦 植野" userId="f73418c7d3ac11cb" providerId="LiveId" clId="{F2EC6112-D229-4DE1-A705-16878AEDC382}" dt="2025-04-14T19:01:40.577" v="1184" actId="14100"/>
          <ac:picMkLst>
            <pc:docMk/>
            <pc:sldMk cId="3124576001" sldId="2988"/>
            <ac:picMk id="2" creationId="{88FE578B-F2E0-0286-DFA2-BFA396BA15CB}"/>
          </ac:picMkLst>
        </pc:picChg>
      </pc:sldChg>
      <pc:sldChg chg="new del">
        <pc:chgData name="芳彦 植野" userId="f73418c7d3ac11cb" providerId="LiveId" clId="{F2EC6112-D229-4DE1-A705-16878AEDC382}" dt="2025-04-13T21:01:26.920" v="659" actId="2696"/>
        <pc:sldMkLst>
          <pc:docMk/>
          <pc:sldMk cId="1975151160" sldId="2989"/>
        </pc:sldMkLst>
      </pc:sldChg>
      <pc:sldChg chg="modSp add mod">
        <pc:chgData name="芳彦 植野" userId="f73418c7d3ac11cb" providerId="LiveId" clId="{F2EC6112-D229-4DE1-A705-16878AEDC382}" dt="2025-04-13T08:20:06.905" v="355" actId="1076"/>
        <pc:sldMkLst>
          <pc:docMk/>
          <pc:sldMk cId="0" sldId="2990"/>
        </pc:sldMkLst>
        <pc:spChg chg="mod">
          <ac:chgData name="芳彦 植野" userId="f73418c7d3ac11cb" providerId="LiveId" clId="{F2EC6112-D229-4DE1-A705-16878AEDC382}" dt="2025-04-13T08:19:47.930" v="351" actId="1076"/>
          <ac:spMkLst>
            <pc:docMk/>
            <pc:sldMk cId="0" sldId="2990"/>
            <ac:spMk id="2" creationId="{00000000-0000-0000-0000-000000000000}"/>
          </ac:spMkLst>
        </pc:spChg>
        <pc:spChg chg="mod">
          <ac:chgData name="芳彦 植野" userId="f73418c7d3ac11cb" providerId="LiveId" clId="{F2EC6112-D229-4DE1-A705-16878AEDC382}" dt="2025-04-13T08:20:06.905" v="355" actId="1076"/>
          <ac:spMkLst>
            <pc:docMk/>
            <pc:sldMk cId="0" sldId="2990"/>
            <ac:spMk id="3" creationId="{00000000-0000-0000-0000-000000000000}"/>
          </ac:spMkLst>
        </pc:spChg>
      </pc:sldChg>
      <pc:sldChg chg="modSp add mod">
        <pc:chgData name="芳彦 植野" userId="f73418c7d3ac11cb" providerId="LiveId" clId="{F2EC6112-D229-4DE1-A705-16878AEDC382}" dt="2025-04-14T19:06:08.178" v="1326" actId="207"/>
        <pc:sldMkLst>
          <pc:docMk/>
          <pc:sldMk cId="0" sldId="2991"/>
        </pc:sldMkLst>
        <pc:spChg chg="mod">
          <ac:chgData name="芳彦 植野" userId="f73418c7d3ac11cb" providerId="LiveId" clId="{F2EC6112-D229-4DE1-A705-16878AEDC382}" dt="2025-04-13T08:05:50.442" v="210" actId="1076"/>
          <ac:spMkLst>
            <pc:docMk/>
            <pc:sldMk cId="0" sldId="2991"/>
            <ac:spMk id="2" creationId="{00000000-0000-0000-0000-000000000000}"/>
          </ac:spMkLst>
        </pc:spChg>
        <pc:spChg chg="mod">
          <ac:chgData name="芳彦 植野" userId="f73418c7d3ac11cb" providerId="LiveId" clId="{F2EC6112-D229-4DE1-A705-16878AEDC382}" dt="2025-04-14T19:06:08.178" v="1326" actId="207"/>
          <ac:spMkLst>
            <pc:docMk/>
            <pc:sldMk cId="0" sldId="2991"/>
            <ac:spMk id="3" creationId="{00000000-0000-0000-0000-000000000000}"/>
          </ac:spMkLst>
        </pc:spChg>
      </pc:sldChg>
      <pc:sldChg chg="addSp modSp add mod">
        <pc:chgData name="芳彦 植野" userId="f73418c7d3ac11cb" providerId="LiveId" clId="{F2EC6112-D229-4DE1-A705-16878AEDC382}" dt="2025-04-15T20:47:58.346" v="1492" actId="1076"/>
        <pc:sldMkLst>
          <pc:docMk/>
          <pc:sldMk cId="139224714" sldId="2992"/>
        </pc:sldMkLst>
        <pc:spChg chg="add mod">
          <ac:chgData name="芳彦 植野" userId="f73418c7d3ac11cb" providerId="LiveId" clId="{F2EC6112-D229-4DE1-A705-16878AEDC382}" dt="2025-04-15T20:47:43.241" v="1490" actId="1076"/>
          <ac:spMkLst>
            <pc:docMk/>
            <pc:sldMk cId="139224714" sldId="2992"/>
            <ac:spMk id="3" creationId="{DFDBF43C-173A-928F-8C59-40ACF8D89080}"/>
          </ac:spMkLst>
        </pc:spChg>
        <pc:picChg chg="mod">
          <ac:chgData name="芳彦 植野" userId="f73418c7d3ac11cb" providerId="LiveId" clId="{F2EC6112-D229-4DE1-A705-16878AEDC382}" dt="2025-04-15T20:47:39.162" v="1489" actId="1076"/>
          <ac:picMkLst>
            <pc:docMk/>
            <pc:sldMk cId="139224714" sldId="2992"/>
            <ac:picMk id="2" creationId="{4E9AE852-BFF6-1165-B3CF-A0D8E576CFDC}"/>
          </ac:picMkLst>
        </pc:picChg>
        <pc:picChg chg="add mod">
          <ac:chgData name="芳彦 植野" userId="f73418c7d3ac11cb" providerId="LiveId" clId="{F2EC6112-D229-4DE1-A705-16878AEDC382}" dt="2025-04-15T20:47:58.346" v="1492" actId="1076"/>
          <ac:picMkLst>
            <pc:docMk/>
            <pc:sldMk cId="139224714" sldId="2992"/>
            <ac:picMk id="4" creationId="{3FAB7183-3F03-F9A3-EAD3-16655F5394CD}"/>
          </ac:picMkLst>
        </pc:picChg>
      </pc:sldChg>
      <pc:sldChg chg="add">
        <pc:chgData name="芳彦 植野" userId="f73418c7d3ac11cb" providerId="LiveId" clId="{F2EC6112-D229-4DE1-A705-16878AEDC382}" dt="2025-04-13T19:42:20.050" v="369"/>
        <pc:sldMkLst>
          <pc:docMk/>
          <pc:sldMk cId="0" sldId="3007"/>
        </pc:sldMkLst>
      </pc:sldChg>
      <pc:sldChg chg="add">
        <pc:chgData name="芳彦 植野" userId="f73418c7d3ac11cb" providerId="LiveId" clId="{F2EC6112-D229-4DE1-A705-16878AEDC382}" dt="2025-04-13T19:41:46.381" v="367"/>
        <pc:sldMkLst>
          <pc:docMk/>
          <pc:sldMk cId="0" sldId="3008"/>
        </pc:sldMkLst>
      </pc:sldChg>
      <pc:sldChg chg="modSp add del mod">
        <pc:chgData name="芳彦 植野" userId="f73418c7d3ac11cb" providerId="LiveId" clId="{F2EC6112-D229-4DE1-A705-16878AEDC382}" dt="2025-04-15T20:58:51.965" v="1562" actId="2696"/>
        <pc:sldMkLst>
          <pc:docMk/>
          <pc:sldMk cId="1540559821" sldId="3014"/>
        </pc:sldMkLst>
        <pc:spChg chg="mod">
          <ac:chgData name="芳彦 植野" userId="f73418c7d3ac11cb" providerId="LiveId" clId="{F2EC6112-D229-4DE1-A705-16878AEDC382}" dt="2025-04-13T21:07:12.949" v="1082" actId="20577"/>
          <ac:spMkLst>
            <pc:docMk/>
            <pc:sldMk cId="1540559821" sldId="3014"/>
            <ac:spMk id="5" creationId="{0982BA68-FD1F-CB02-778C-D0D72B524044}"/>
          </ac:spMkLst>
        </pc:spChg>
        <pc:spChg chg="mod">
          <ac:chgData name="芳彦 植野" userId="f73418c7d3ac11cb" providerId="LiveId" clId="{F2EC6112-D229-4DE1-A705-16878AEDC382}" dt="2025-04-13T21:06:38.135" v="1035" actId="6549"/>
          <ac:spMkLst>
            <pc:docMk/>
            <pc:sldMk cId="1540559821" sldId="3014"/>
            <ac:spMk id="10" creationId="{E6E36B3E-1664-974D-A498-3328A106D510}"/>
          </ac:spMkLst>
        </pc:spChg>
      </pc:sldChg>
      <pc:sldChg chg="modSp add mod">
        <pc:chgData name="芳彦 植野" userId="f73418c7d3ac11cb" providerId="LiveId" clId="{F2EC6112-D229-4DE1-A705-16878AEDC382}" dt="2025-04-13T21:05:55.312" v="997" actId="20577"/>
        <pc:sldMkLst>
          <pc:docMk/>
          <pc:sldMk cId="914887365" sldId="3028"/>
        </pc:sldMkLst>
        <pc:spChg chg="mod">
          <ac:chgData name="芳彦 植野" userId="f73418c7d3ac11cb" providerId="LiveId" clId="{F2EC6112-D229-4DE1-A705-16878AEDC382}" dt="2025-04-13T21:05:55.312" v="997" actId="20577"/>
          <ac:spMkLst>
            <pc:docMk/>
            <pc:sldMk cId="914887365" sldId="3028"/>
            <ac:spMk id="17" creationId="{00000000-0000-0000-0000-000000000000}"/>
          </ac:spMkLst>
        </pc:spChg>
      </pc:sldChg>
      <pc:sldChg chg="modSp add mod">
        <pc:chgData name="芳彦 植野" userId="f73418c7d3ac11cb" providerId="LiveId" clId="{F2EC6112-D229-4DE1-A705-16878AEDC382}" dt="2025-04-14T19:04:50.206" v="1321" actId="20577"/>
        <pc:sldMkLst>
          <pc:docMk/>
          <pc:sldMk cId="3993965971" sldId="3029"/>
        </pc:sldMkLst>
        <pc:spChg chg="mod">
          <ac:chgData name="芳彦 植野" userId="f73418c7d3ac11cb" providerId="LiveId" clId="{F2EC6112-D229-4DE1-A705-16878AEDC382}" dt="2025-04-14T19:03:59.084" v="1268" actId="20577"/>
          <ac:spMkLst>
            <pc:docMk/>
            <pc:sldMk cId="3993965971" sldId="3029"/>
            <ac:spMk id="2" creationId="{00000000-0000-0000-0000-000000000000}"/>
          </ac:spMkLst>
        </pc:spChg>
        <pc:spChg chg="mod">
          <ac:chgData name="芳彦 植野" userId="f73418c7d3ac11cb" providerId="LiveId" clId="{F2EC6112-D229-4DE1-A705-16878AEDC382}" dt="2025-04-14T19:04:50.206" v="1321" actId="20577"/>
          <ac:spMkLst>
            <pc:docMk/>
            <pc:sldMk cId="3993965971" sldId="3029"/>
            <ac:spMk id="4" creationId="{2E3FDF3E-A744-DAA0-545B-9B410D90343D}"/>
          </ac:spMkLst>
        </pc:spChg>
      </pc:sldChg>
      <pc:sldChg chg="new del">
        <pc:chgData name="芳彦 植野" userId="f73418c7d3ac11cb" providerId="LiveId" clId="{F2EC6112-D229-4DE1-A705-16878AEDC382}" dt="2025-04-13T21:01:44.608" v="661" actId="2696"/>
        <pc:sldMkLst>
          <pc:docMk/>
          <pc:sldMk cId="986564604" sldId="3030"/>
        </pc:sldMkLst>
      </pc:sldChg>
      <pc:sldChg chg="add">
        <pc:chgData name="芳彦 植野" userId="f73418c7d3ac11cb" providerId="LiveId" clId="{F2EC6112-D229-4DE1-A705-16878AEDC382}" dt="2025-04-13T19:51:17.866" v="373"/>
        <pc:sldMkLst>
          <pc:docMk/>
          <pc:sldMk cId="2263329969" sldId="3031"/>
        </pc:sldMkLst>
      </pc:sldChg>
      <pc:sldChg chg="modSp add mod">
        <pc:chgData name="芳彦 植野" userId="f73418c7d3ac11cb" providerId="LiveId" clId="{F2EC6112-D229-4DE1-A705-16878AEDC382}" dt="2025-04-13T21:08:16.440" v="1155" actId="255"/>
        <pc:sldMkLst>
          <pc:docMk/>
          <pc:sldMk cId="3046840261" sldId="3032"/>
        </pc:sldMkLst>
        <pc:spChg chg="mod">
          <ac:chgData name="芳彦 植野" userId="f73418c7d3ac11cb" providerId="LiveId" clId="{F2EC6112-D229-4DE1-A705-16878AEDC382}" dt="2025-04-13T21:08:16.440" v="1155" actId="255"/>
          <ac:spMkLst>
            <pc:docMk/>
            <pc:sldMk cId="3046840261" sldId="3032"/>
            <ac:spMk id="2" creationId="{3A2107CF-5BB3-37A3-3677-5F2AB3C636FB}"/>
          </ac:spMkLst>
        </pc:spChg>
      </pc:sldChg>
      <pc:sldChg chg="addSp modSp new mod">
        <pc:chgData name="芳彦 植野" userId="f73418c7d3ac11cb" providerId="LiveId" clId="{F2EC6112-D229-4DE1-A705-16878AEDC382}" dt="2025-04-14T19:19:26.416" v="1466" actId="255"/>
        <pc:sldMkLst>
          <pc:docMk/>
          <pc:sldMk cId="3842030069" sldId="3033"/>
        </pc:sldMkLst>
        <pc:spChg chg="add mod">
          <ac:chgData name="芳彦 植野" userId="f73418c7d3ac11cb" providerId="LiveId" clId="{F2EC6112-D229-4DE1-A705-16878AEDC382}" dt="2025-04-14T19:19:03.201" v="1450" actId="1076"/>
          <ac:spMkLst>
            <pc:docMk/>
            <pc:sldMk cId="3842030069" sldId="3033"/>
            <ac:spMk id="3" creationId="{3A758217-AFB9-A877-3CF6-ACA707E9C673}"/>
          </ac:spMkLst>
        </pc:spChg>
        <pc:spChg chg="add mod">
          <ac:chgData name="芳彦 植野" userId="f73418c7d3ac11cb" providerId="LiveId" clId="{F2EC6112-D229-4DE1-A705-16878AEDC382}" dt="2025-04-14T19:19:26.416" v="1466" actId="255"/>
          <ac:spMkLst>
            <pc:docMk/>
            <pc:sldMk cId="3842030069" sldId="3033"/>
            <ac:spMk id="4" creationId="{89FB7CD2-A835-7A9A-5F5B-4FA409E28A65}"/>
          </ac:spMkLst>
        </pc:spChg>
        <pc:picChg chg="add">
          <ac:chgData name="芳彦 植野" userId="f73418c7d3ac11cb" providerId="LiveId" clId="{F2EC6112-D229-4DE1-A705-16878AEDC382}" dt="2025-04-14T19:17:18.292" v="1372"/>
          <ac:picMkLst>
            <pc:docMk/>
            <pc:sldMk cId="3842030069" sldId="3033"/>
            <ac:picMk id="2" creationId="{B7D77FDB-75F4-9D72-9F19-69E6E5D269E5}"/>
          </ac:picMkLst>
        </pc:picChg>
      </pc:sldChg>
      <pc:sldChg chg="addSp modSp new del mod">
        <pc:chgData name="芳彦 植野" userId="f73418c7d3ac11cb" providerId="LiveId" clId="{F2EC6112-D229-4DE1-A705-16878AEDC382}" dt="2025-04-15T20:50:03.464" v="1499" actId="2696"/>
        <pc:sldMkLst>
          <pc:docMk/>
          <pc:sldMk cId="1642106123" sldId="3034"/>
        </pc:sldMkLst>
        <pc:spChg chg="add mod">
          <ac:chgData name="芳彦 植野" userId="f73418c7d3ac11cb" providerId="LiveId" clId="{F2EC6112-D229-4DE1-A705-16878AEDC382}" dt="2025-04-14T19:23:07.155" v="1486" actId="20577"/>
          <ac:spMkLst>
            <pc:docMk/>
            <pc:sldMk cId="1642106123" sldId="3034"/>
            <ac:spMk id="2" creationId="{5EB282AD-8397-4F26-5223-597983DE2059}"/>
          </ac:spMkLst>
        </pc:spChg>
      </pc:sldChg>
      <pc:sldChg chg="addSp delSp modSp add mod">
        <pc:chgData name="芳彦 植野" userId="f73418c7d3ac11cb" providerId="LiveId" clId="{F2EC6112-D229-4DE1-A705-16878AEDC382}" dt="2025-04-15T20:58:08.567" v="1539" actId="255"/>
        <pc:sldMkLst>
          <pc:docMk/>
          <pc:sldMk cId="2286729782" sldId="3034"/>
        </pc:sldMkLst>
        <pc:spChg chg="add mod">
          <ac:chgData name="芳彦 植野" userId="f73418c7d3ac11cb" providerId="LiveId" clId="{F2EC6112-D229-4DE1-A705-16878AEDC382}" dt="2025-04-15T20:58:08.567" v="1539" actId="255"/>
          <ac:spMkLst>
            <pc:docMk/>
            <pc:sldMk cId="2286729782" sldId="3034"/>
            <ac:spMk id="4" creationId="{DECFF9BD-F888-32F4-E216-722F81124E81}"/>
          </ac:spMkLst>
        </pc:spChg>
        <pc:picChg chg="add del">
          <ac:chgData name="芳彦 植野" userId="f73418c7d3ac11cb" providerId="LiveId" clId="{F2EC6112-D229-4DE1-A705-16878AEDC382}" dt="2025-04-15T20:52:46.733" v="1507" actId="21"/>
          <ac:picMkLst>
            <pc:docMk/>
            <pc:sldMk cId="2286729782" sldId="3034"/>
            <ac:picMk id="3" creationId="{D17788AA-97C8-94DD-84CE-BD95454E0735}"/>
          </ac:picMkLst>
        </pc:picChg>
        <pc:picChg chg="add mod">
          <ac:chgData name="芳彦 植野" userId="f73418c7d3ac11cb" providerId="LiveId" clId="{F2EC6112-D229-4DE1-A705-16878AEDC382}" dt="2025-04-15T20:52:51.587" v="1508" actId="1076"/>
          <ac:picMkLst>
            <pc:docMk/>
            <pc:sldMk cId="2286729782" sldId="3034"/>
            <ac:picMk id="1026" creationId="{7C01D537-AD71-ECAD-2CF5-43EDC394CA68}"/>
          </ac:picMkLst>
        </pc:picChg>
      </pc:sldChg>
      <pc:sldChg chg="addSp modSp new mod">
        <pc:chgData name="芳彦 植野" userId="f73418c7d3ac11cb" providerId="LiveId" clId="{F2EC6112-D229-4DE1-A705-16878AEDC382}" dt="2025-04-15T20:49:53.607" v="1498" actId="14100"/>
        <pc:sldMkLst>
          <pc:docMk/>
          <pc:sldMk cId="1877403401" sldId="3035"/>
        </pc:sldMkLst>
        <pc:picChg chg="add mod">
          <ac:chgData name="芳彦 植野" userId="f73418c7d3ac11cb" providerId="LiveId" clId="{F2EC6112-D229-4DE1-A705-16878AEDC382}" dt="2025-04-15T20:49:53.607" v="1498" actId="14100"/>
          <ac:picMkLst>
            <pc:docMk/>
            <pc:sldMk cId="1877403401" sldId="3035"/>
            <ac:picMk id="3" creationId="{11E5D7D8-A076-16D1-1BE3-D4322466C489}"/>
          </ac:picMkLst>
        </pc:picChg>
      </pc:sldChg>
      <pc:sldChg chg="addSp modSp new del mod">
        <pc:chgData name="芳彦 植野" userId="f73418c7d3ac11cb" providerId="LiveId" clId="{F2EC6112-D229-4DE1-A705-16878AEDC382}" dt="2025-04-15T20:57:37.994" v="1521" actId="2696"/>
        <pc:sldMkLst>
          <pc:docMk/>
          <pc:sldMk cId="4199620431" sldId="3036"/>
        </pc:sldMkLst>
        <pc:picChg chg="add mod">
          <ac:chgData name="芳彦 植野" userId="f73418c7d3ac11cb" providerId="LiveId" clId="{F2EC6112-D229-4DE1-A705-16878AEDC382}" dt="2025-04-15T20:53:35.907" v="1512" actId="1076"/>
          <ac:picMkLst>
            <pc:docMk/>
            <pc:sldMk cId="4199620431" sldId="3036"/>
            <ac:picMk id="2" creationId="{45D1624C-C3E8-DD10-6232-DEEF7CDAA2F1}"/>
          </ac:picMkLst>
        </pc:picChg>
        <pc:picChg chg="add mod">
          <ac:chgData name="芳彦 植野" userId="f73418c7d3ac11cb" providerId="LiveId" clId="{F2EC6112-D229-4DE1-A705-16878AEDC382}" dt="2025-04-15T20:53:58.041" v="1515" actId="1076"/>
          <ac:picMkLst>
            <pc:docMk/>
            <pc:sldMk cId="4199620431" sldId="3036"/>
            <ac:picMk id="3" creationId="{15E81341-B27B-0593-03E9-65515B8C5256}"/>
          </ac:picMkLst>
        </pc:picChg>
      </pc:sldChg>
      <pc:sldChg chg="addSp delSp modSp new mod">
        <pc:chgData name="芳彦 植野" userId="f73418c7d3ac11cb" providerId="LiveId" clId="{F2EC6112-D229-4DE1-A705-16878AEDC382}" dt="2025-04-15T20:58:39.343" v="1561" actId="255"/>
        <pc:sldMkLst>
          <pc:docMk/>
          <pc:sldMk cId="507401542" sldId="3037"/>
        </pc:sldMkLst>
        <pc:spChg chg="add mod">
          <ac:chgData name="芳彦 植野" userId="f73418c7d3ac11cb" providerId="LiveId" clId="{F2EC6112-D229-4DE1-A705-16878AEDC382}" dt="2025-04-15T20:58:39.343" v="1561" actId="255"/>
          <ac:spMkLst>
            <pc:docMk/>
            <pc:sldMk cId="507401542" sldId="3037"/>
            <ac:spMk id="4" creationId="{A6A334BC-1AA7-0DED-FB5C-A63078965A5E}"/>
          </ac:spMkLst>
        </pc:spChg>
        <pc:picChg chg="add del">
          <ac:chgData name="芳彦 植野" userId="f73418c7d3ac11cb" providerId="LiveId" clId="{F2EC6112-D229-4DE1-A705-16878AEDC382}" dt="2025-04-15T20:57:01.183" v="1519" actId="21"/>
          <ac:picMkLst>
            <pc:docMk/>
            <pc:sldMk cId="507401542" sldId="3037"/>
            <ac:picMk id="2" creationId="{26A2138B-654B-32BC-D062-41299C1CF882}"/>
          </ac:picMkLst>
        </pc:picChg>
        <pc:picChg chg="add mod">
          <ac:chgData name="芳彦 植野" userId="f73418c7d3ac11cb" providerId="LiveId" clId="{F2EC6112-D229-4DE1-A705-16878AEDC382}" dt="2025-04-15T20:58:13.553" v="1540" actId="1076"/>
          <ac:picMkLst>
            <pc:docMk/>
            <pc:sldMk cId="507401542" sldId="3037"/>
            <ac:picMk id="3" creationId="{5C35C6A4-486D-D88A-4D8E-A7C8D53CF8CA}"/>
          </ac:picMkLst>
        </pc:picChg>
      </pc:sldChg>
      <pc:sldChg chg="addSp new del">
        <pc:chgData name="芳彦 植野" userId="f73418c7d3ac11cb" providerId="LiveId" clId="{F2EC6112-D229-4DE1-A705-16878AEDC382}" dt="2025-04-15T20:54:01.449" v="1516" actId="2696"/>
        <pc:sldMkLst>
          <pc:docMk/>
          <pc:sldMk cId="3745730150" sldId="3037"/>
        </pc:sldMkLst>
        <pc:picChg chg="add">
          <ac:chgData name="芳彦 植野" userId="f73418c7d3ac11cb" providerId="LiveId" clId="{F2EC6112-D229-4DE1-A705-16878AEDC382}" dt="2025-04-15T20:52:06.445" v="1504"/>
          <ac:picMkLst>
            <pc:docMk/>
            <pc:sldMk cId="3745730150" sldId="3037"/>
            <ac:picMk id="2" creationId="{B396F9DF-CF71-BC3F-92D4-2EE9B3842876}"/>
          </ac:picMkLst>
        </pc:picChg>
      </pc:sldChg>
      <pc:sldMasterChg chg="modSp modSldLayout">
        <pc:chgData name="芳彦 植野" userId="f73418c7d3ac11cb" providerId="LiveId" clId="{F2EC6112-D229-4DE1-A705-16878AEDC382}" dt="2025-03-28T09:11:56.531" v="89"/>
        <pc:sldMasterMkLst>
          <pc:docMk/>
          <pc:sldMasterMk cId="2541842479" sldId="2147483648"/>
        </pc:sldMasterMkLst>
        <pc:sldLayoutChg chg="modSp">
          <pc:chgData name="芳彦 植野" userId="f73418c7d3ac11cb" providerId="LiveId" clId="{F2EC6112-D229-4DE1-A705-16878AEDC382}" dt="2025-03-28T09:11:56.531" v="89"/>
          <pc:sldLayoutMkLst>
            <pc:docMk/>
            <pc:sldMasterMk cId="2541842479" sldId="2147483648"/>
            <pc:sldLayoutMk cId="3626177308" sldId="2147483649"/>
          </pc:sldLayoutMkLst>
        </pc:sldLayoutChg>
        <pc:sldLayoutChg chg="modSp">
          <pc:chgData name="芳彦 植野" userId="f73418c7d3ac11cb" providerId="LiveId" clId="{F2EC6112-D229-4DE1-A705-16878AEDC382}" dt="2025-03-28T09:11:56.531" v="89"/>
          <pc:sldLayoutMkLst>
            <pc:docMk/>
            <pc:sldMasterMk cId="2541842479" sldId="2147483648"/>
            <pc:sldLayoutMk cId="2549085580" sldId="2147483651"/>
          </pc:sldLayoutMkLst>
        </pc:sldLayoutChg>
        <pc:sldLayoutChg chg="modSp">
          <pc:chgData name="芳彦 植野" userId="f73418c7d3ac11cb" providerId="LiveId" clId="{F2EC6112-D229-4DE1-A705-16878AEDC382}" dt="2025-03-28T09:11:56.531" v="89"/>
          <pc:sldLayoutMkLst>
            <pc:docMk/>
            <pc:sldMasterMk cId="2541842479" sldId="2147483648"/>
            <pc:sldLayoutMk cId="2518857007" sldId="2147483652"/>
          </pc:sldLayoutMkLst>
        </pc:sldLayoutChg>
        <pc:sldLayoutChg chg="modSp">
          <pc:chgData name="芳彦 植野" userId="f73418c7d3ac11cb" providerId="LiveId" clId="{F2EC6112-D229-4DE1-A705-16878AEDC382}" dt="2025-03-28T09:11:56.531" v="89"/>
          <pc:sldLayoutMkLst>
            <pc:docMk/>
            <pc:sldMasterMk cId="2541842479" sldId="2147483648"/>
            <pc:sldLayoutMk cId="29381020" sldId="2147483653"/>
          </pc:sldLayoutMkLst>
        </pc:sldLayoutChg>
        <pc:sldLayoutChg chg="modSp">
          <pc:chgData name="芳彦 植野" userId="f73418c7d3ac11cb" providerId="LiveId" clId="{F2EC6112-D229-4DE1-A705-16878AEDC382}" dt="2025-03-28T09:11:56.531" v="89"/>
          <pc:sldLayoutMkLst>
            <pc:docMk/>
            <pc:sldMasterMk cId="2541842479" sldId="2147483648"/>
            <pc:sldLayoutMk cId="2884288957" sldId="2147483656"/>
          </pc:sldLayoutMkLst>
        </pc:sldLayoutChg>
        <pc:sldLayoutChg chg="modSp">
          <pc:chgData name="芳彦 植野" userId="f73418c7d3ac11cb" providerId="LiveId" clId="{F2EC6112-D229-4DE1-A705-16878AEDC382}" dt="2025-03-28T09:11:56.531" v="89"/>
          <pc:sldLayoutMkLst>
            <pc:docMk/>
            <pc:sldMasterMk cId="2541842479" sldId="2147483648"/>
            <pc:sldLayoutMk cId="2219950910" sldId="2147483657"/>
          </pc:sldLayoutMkLst>
        </pc:sldLayoutChg>
        <pc:sldLayoutChg chg="modSp">
          <pc:chgData name="芳彦 植野" userId="f73418c7d3ac11cb" providerId="LiveId" clId="{F2EC6112-D229-4DE1-A705-16878AEDC382}" dt="2025-03-28T09:11:56.531" v="89"/>
          <pc:sldLayoutMkLst>
            <pc:docMk/>
            <pc:sldMasterMk cId="2541842479" sldId="2147483648"/>
            <pc:sldLayoutMk cId="1136807118" sldId="2147483659"/>
          </pc:sldLayoutMkLst>
        </pc:sldLayoutChg>
      </pc:sldMasterChg>
    </pc:docChg>
  </pc:docChgLst>
</pc:chgInfo>
</file>

<file path=ppt/charts/_rels/chart1.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E:\&#19979;&#26032;&#27211;\&#19979;&#26032;&#27211;&#12487;&#12540;&#12479;.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3.8949398085015907E-2"/>
          <c:y val="5.7283954767126895E-2"/>
          <c:w val="0.70065030279036344"/>
          <c:h val="0.87138323291232134"/>
        </c:manualLayout>
      </c:layout>
      <c:scatterChart>
        <c:scatterStyle val="lineMarker"/>
        <c:varyColors val="0"/>
        <c:ser>
          <c:idx val="0"/>
          <c:order val="0"/>
          <c:tx>
            <c:strRef>
              <c:f>グラフ!$H$2</c:f>
              <c:strCache>
                <c:ptCount val="1"/>
                <c:pt idx="0">
                  <c:v>温度℃</c:v>
                </c:pt>
              </c:strCache>
            </c:strRef>
          </c:tx>
          <c:marker>
            <c:symbol val="none"/>
          </c:marker>
          <c:xVal>
            <c:numRef>
              <c:f>グラフ!$G$6:$G$1136</c:f>
              <c:numCache>
                <c:formatCode>yyyy/m/d\ h:mm;@</c:formatCode>
                <c:ptCount val="1131"/>
                <c:pt idx="0">
                  <c:v>43238.33011574074</c:v>
                </c:pt>
                <c:pt idx="1">
                  <c:v>43238.288518518515</c:v>
                </c:pt>
                <c:pt idx="2">
                  <c:v>43238.246886574074</c:v>
                </c:pt>
                <c:pt idx="3">
                  <c:v>43238.205370370371</c:v>
                </c:pt>
                <c:pt idx="4">
                  <c:v>43238.163819444446</c:v>
                </c:pt>
                <c:pt idx="5">
                  <c:v>43238.122233796297</c:v>
                </c:pt>
                <c:pt idx="6">
                  <c:v>43238.080578703702</c:v>
                </c:pt>
                <c:pt idx="7">
                  <c:v>43238.038993055554</c:v>
                </c:pt>
                <c:pt idx="8">
                  <c:v>43237.997349537036</c:v>
                </c:pt>
                <c:pt idx="9">
                  <c:v>43237.955775462964</c:v>
                </c:pt>
                <c:pt idx="10">
                  <c:v>43237.914155092592</c:v>
                </c:pt>
                <c:pt idx="11">
                  <c:v>43237.872557870367</c:v>
                </c:pt>
                <c:pt idx="12">
                  <c:v>43237.830960648149</c:v>
                </c:pt>
                <c:pt idx="13">
                  <c:v>43237.789340277777</c:v>
                </c:pt>
                <c:pt idx="14">
                  <c:v>43237.747696759259</c:v>
                </c:pt>
                <c:pt idx="15">
                  <c:v>43237.706064814818</c:v>
                </c:pt>
                <c:pt idx="16">
                  <c:v>43237.664490740739</c:v>
                </c:pt>
                <c:pt idx="17">
                  <c:v>43237.622928240744</c:v>
                </c:pt>
                <c:pt idx="18">
                  <c:v>43237.581296296295</c:v>
                </c:pt>
                <c:pt idx="19">
                  <c:v>43237.539699074077</c:v>
                </c:pt>
                <c:pt idx="20">
                  <c:v>43237.456469907411</c:v>
                </c:pt>
                <c:pt idx="21">
                  <c:v>43237.414930555555</c:v>
                </c:pt>
                <c:pt idx="22">
                  <c:v>43237.37332175926</c:v>
                </c:pt>
                <c:pt idx="23">
                  <c:v>43237.331712962965</c:v>
                </c:pt>
                <c:pt idx="24">
                  <c:v>43237.290127314816</c:v>
                </c:pt>
                <c:pt idx="25">
                  <c:v>43237.24858796296</c:v>
                </c:pt>
                <c:pt idx="26">
                  <c:v>43237.206956018519</c:v>
                </c:pt>
                <c:pt idx="27">
                  <c:v>43237.165405092594</c:v>
                </c:pt>
                <c:pt idx="28">
                  <c:v>43237.123807870368</c:v>
                </c:pt>
                <c:pt idx="29">
                  <c:v>43237.08221064815</c:v>
                </c:pt>
                <c:pt idx="30">
                  <c:v>43237.040636574071</c:v>
                </c:pt>
                <c:pt idx="31">
                  <c:v>43236.99900462963</c:v>
                </c:pt>
                <c:pt idx="32">
                  <c:v>43236.957395833335</c:v>
                </c:pt>
                <c:pt idx="33">
                  <c:v>43236.915844907409</c:v>
                </c:pt>
                <c:pt idx="34">
                  <c:v>43236.874212962961</c:v>
                </c:pt>
                <c:pt idx="35">
                  <c:v>43236.832731481481</c:v>
                </c:pt>
                <c:pt idx="36">
                  <c:v>43236.791168981479</c:v>
                </c:pt>
                <c:pt idx="37">
                  <c:v>43236.74962962963</c:v>
                </c:pt>
                <c:pt idx="38">
                  <c:v>43236.708009259259</c:v>
                </c:pt>
                <c:pt idx="39">
                  <c:v>43236.666435185187</c:v>
                </c:pt>
                <c:pt idx="40">
                  <c:v>43236.6249537037</c:v>
                </c:pt>
                <c:pt idx="41">
                  <c:v>43236.583368055559</c:v>
                </c:pt>
                <c:pt idx="42">
                  <c:v>43236.541828703703</c:v>
                </c:pt>
                <c:pt idx="43">
                  <c:v>43236.500277777777</c:v>
                </c:pt>
                <c:pt idx="44">
                  <c:v>43236.458622685182</c:v>
                </c:pt>
                <c:pt idx="45">
                  <c:v>43236.417013888888</c:v>
                </c:pt>
                <c:pt idx="46">
                  <c:v>43236.375393518516</c:v>
                </c:pt>
                <c:pt idx="47">
                  <c:v>43236.333854166667</c:v>
                </c:pt>
                <c:pt idx="48">
                  <c:v>43236.292245370372</c:v>
                </c:pt>
                <c:pt idx="49">
                  <c:v>43236.250671296293</c:v>
                </c:pt>
                <c:pt idx="50">
                  <c:v>43236.209074074075</c:v>
                </c:pt>
                <c:pt idx="51">
                  <c:v>43236.167430555557</c:v>
                </c:pt>
                <c:pt idx="52">
                  <c:v>43236.125833333332</c:v>
                </c:pt>
                <c:pt idx="53">
                  <c:v>43236.08425925926</c:v>
                </c:pt>
                <c:pt idx="54">
                  <c:v>43236.042615740742</c:v>
                </c:pt>
                <c:pt idx="55">
                  <c:v>43236.00105324074</c:v>
                </c:pt>
                <c:pt idx="56">
                  <c:v>43235.959490740737</c:v>
                </c:pt>
                <c:pt idx="57">
                  <c:v>43235.917986111112</c:v>
                </c:pt>
                <c:pt idx="58">
                  <c:v>43235.876388888886</c:v>
                </c:pt>
                <c:pt idx="59">
                  <c:v>43235.834803240738</c:v>
                </c:pt>
                <c:pt idx="60">
                  <c:v>43235.793229166666</c:v>
                </c:pt>
                <c:pt idx="61">
                  <c:v>43235.751631944448</c:v>
                </c:pt>
                <c:pt idx="62">
                  <c:v>43235.710011574076</c:v>
                </c:pt>
                <c:pt idx="63">
                  <c:v>43235.668402777781</c:v>
                </c:pt>
                <c:pt idx="64">
                  <c:v>43235.626759259256</c:v>
                </c:pt>
                <c:pt idx="65">
                  <c:v>43235.585173611114</c:v>
                </c:pt>
                <c:pt idx="66">
                  <c:v>43235.543506944443</c:v>
                </c:pt>
                <c:pt idx="67">
                  <c:v>43235.501886574071</c:v>
                </c:pt>
                <c:pt idx="68">
                  <c:v>43235.460347222222</c:v>
                </c:pt>
                <c:pt idx="69">
                  <c:v>43235.418773148151</c:v>
                </c:pt>
                <c:pt idx="70">
                  <c:v>43235.377141203702</c:v>
                </c:pt>
                <c:pt idx="71">
                  <c:v>43235.335497685184</c:v>
                </c:pt>
                <c:pt idx="72">
                  <c:v>43235.293877314813</c:v>
                </c:pt>
                <c:pt idx="73">
                  <c:v>43235.252256944441</c:v>
                </c:pt>
                <c:pt idx="74">
                  <c:v>43235.210636574076</c:v>
                </c:pt>
                <c:pt idx="75">
                  <c:v>43235.168993055559</c:v>
                </c:pt>
                <c:pt idx="76">
                  <c:v>43235.12736111111</c:v>
                </c:pt>
                <c:pt idx="77">
                  <c:v>43235.085729166669</c:v>
                </c:pt>
                <c:pt idx="78">
                  <c:v>43235.04414351852</c:v>
                </c:pt>
                <c:pt idx="79">
                  <c:v>43235.002511574072</c:v>
                </c:pt>
                <c:pt idx="80">
                  <c:v>43234.9608912037</c:v>
                </c:pt>
                <c:pt idx="81">
                  <c:v>43234.919259259259</c:v>
                </c:pt>
                <c:pt idx="82">
                  <c:v>43234.877638888887</c:v>
                </c:pt>
                <c:pt idx="83">
                  <c:v>43234.836006944446</c:v>
                </c:pt>
                <c:pt idx="84">
                  <c:v>43234.794363425928</c:v>
                </c:pt>
                <c:pt idx="85">
                  <c:v>43234.752812500003</c:v>
                </c:pt>
                <c:pt idx="86">
                  <c:v>43234.711192129631</c:v>
                </c:pt>
                <c:pt idx="87">
                  <c:v>43234.669641203705</c:v>
                </c:pt>
                <c:pt idx="88">
                  <c:v>43234.627997685187</c:v>
                </c:pt>
                <c:pt idx="89">
                  <c:v>43234.586458333331</c:v>
                </c:pt>
                <c:pt idx="90">
                  <c:v>43234.544895833336</c:v>
                </c:pt>
                <c:pt idx="91">
                  <c:v>43234.503263888888</c:v>
                </c:pt>
                <c:pt idx="92">
                  <c:v>43234.461643518516</c:v>
                </c:pt>
                <c:pt idx="93">
                  <c:v>43234.420023148145</c:v>
                </c:pt>
                <c:pt idx="94">
                  <c:v>43234.378379629627</c:v>
                </c:pt>
                <c:pt idx="95">
                  <c:v>43234.336736111109</c:v>
                </c:pt>
                <c:pt idx="96">
                  <c:v>43234.295092592591</c:v>
                </c:pt>
                <c:pt idx="97">
                  <c:v>43234.253472222219</c:v>
                </c:pt>
                <c:pt idx="98">
                  <c:v>43234.211840277778</c:v>
                </c:pt>
                <c:pt idx="99">
                  <c:v>43234.170231481483</c:v>
                </c:pt>
                <c:pt idx="100">
                  <c:v>43234.128599537034</c:v>
                </c:pt>
                <c:pt idx="101">
                  <c:v>43234.08699074074</c:v>
                </c:pt>
                <c:pt idx="102">
                  <c:v>43234.045358796298</c:v>
                </c:pt>
                <c:pt idx="103">
                  <c:v>43234.003750000003</c:v>
                </c:pt>
                <c:pt idx="104">
                  <c:v>43233.962141203701</c:v>
                </c:pt>
                <c:pt idx="105">
                  <c:v>43233.920532407406</c:v>
                </c:pt>
                <c:pt idx="106">
                  <c:v>43233.878900462965</c:v>
                </c:pt>
                <c:pt idx="107">
                  <c:v>43233.837268518517</c:v>
                </c:pt>
                <c:pt idx="108">
                  <c:v>43233.795636574076</c:v>
                </c:pt>
                <c:pt idx="109">
                  <c:v>43233.754004629627</c:v>
                </c:pt>
                <c:pt idx="110">
                  <c:v>43233.712395833332</c:v>
                </c:pt>
                <c:pt idx="111">
                  <c:v>43233.670798611114</c:v>
                </c:pt>
                <c:pt idx="112">
                  <c:v>43233.629166666666</c:v>
                </c:pt>
                <c:pt idx="113">
                  <c:v>43233.587534722225</c:v>
                </c:pt>
                <c:pt idx="114">
                  <c:v>43233.545937499999</c:v>
                </c:pt>
                <c:pt idx="115">
                  <c:v>43233.504282407404</c:v>
                </c:pt>
                <c:pt idx="116">
                  <c:v>43233.462638888886</c:v>
                </c:pt>
                <c:pt idx="117">
                  <c:v>43233.421087962961</c:v>
                </c:pt>
                <c:pt idx="118">
                  <c:v>43233.379502314812</c:v>
                </c:pt>
                <c:pt idx="119">
                  <c:v>43233.337847222225</c:v>
                </c:pt>
                <c:pt idx="120">
                  <c:v>43233.29619212963</c:v>
                </c:pt>
                <c:pt idx="121">
                  <c:v>43233.254664351851</c:v>
                </c:pt>
                <c:pt idx="122">
                  <c:v>43233.213078703702</c:v>
                </c:pt>
                <c:pt idx="123">
                  <c:v>43233.171458333331</c:v>
                </c:pt>
                <c:pt idx="124">
                  <c:v>43233.129814814813</c:v>
                </c:pt>
                <c:pt idx="125">
                  <c:v>43233.088263888887</c:v>
                </c:pt>
                <c:pt idx="126">
                  <c:v>43233.046840277777</c:v>
                </c:pt>
                <c:pt idx="127">
                  <c:v>43233.005219907405</c:v>
                </c:pt>
                <c:pt idx="128">
                  <c:v>43232.96361111111</c:v>
                </c:pt>
                <c:pt idx="129">
                  <c:v>43232.921990740739</c:v>
                </c:pt>
                <c:pt idx="130">
                  <c:v>43232.880335648151</c:v>
                </c:pt>
                <c:pt idx="131">
                  <c:v>43232.838854166665</c:v>
                </c:pt>
                <c:pt idx="132">
                  <c:v>43232.797222222223</c:v>
                </c:pt>
                <c:pt idx="133">
                  <c:v>43232.755659722221</c:v>
                </c:pt>
                <c:pt idx="134">
                  <c:v>43232.714050925926</c:v>
                </c:pt>
                <c:pt idx="135">
                  <c:v>43232.672418981485</c:v>
                </c:pt>
                <c:pt idx="136">
                  <c:v>43232.630798611113</c:v>
                </c:pt>
                <c:pt idx="137">
                  <c:v>43232.589155092595</c:v>
                </c:pt>
                <c:pt idx="138">
                  <c:v>43232.547523148147</c:v>
                </c:pt>
                <c:pt idx="139">
                  <c:v>43232.505949074075</c:v>
                </c:pt>
                <c:pt idx="140">
                  <c:v>43232.464363425926</c:v>
                </c:pt>
                <c:pt idx="141">
                  <c:v>43232.422881944447</c:v>
                </c:pt>
                <c:pt idx="142">
                  <c:v>43232.381284722222</c:v>
                </c:pt>
                <c:pt idx="143">
                  <c:v>43232.339756944442</c:v>
                </c:pt>
                <c:pt idx="144">
                  <c:v>43232.29824074074</c:v>
                </c:pt>
                <c:pt idx="145">
                  <c:v>43232.256678240738</c:v>
                </c:pt>
                <c:pt idx="146">
                  <c:v>43232.215057870373</c:v>
                </c:pt>
                <c:pt idx="147">
                  <c:v>43232.173483796294</c:v>
                </c:pt>
                <c:pt idx="148">
                  <c:v>43232.131886574076</c:v>
                </c:pt>
                <c:pt idx="149">
                  <c:v>43232.09034722222</c:v>
                </c:pt>
                <c:pt idx="150">
                  <c:v>43232.048738425925</c:v>
                </c:pt>
                <c:pt idx="151">
                  <c:v>43232.007164351853</c:v>
                </c:pt>
                <c:pt idx="152">
                  <c:v>43231.965567129628</c:v>
                </c:pt>
                <c:pt idx="153">
                  <c:v>43231.924062500002</c:v>
                </c:pt>
                <c:pt idx="154">
                  <c:v>43231.882430555554</c:v>
                </c:pt>
                <c:pt idx="155">
                  <c:v>43231.840787037036</c:v>
                </c:pt>
                <c:pt idx="156">
                  <c:v>43231.799143518518</c:v>
                </c:pt>
                <c:pt idx="157">
                  <c:v>43231.757557870369</c:v>
                </c:pt>
                <c:pt idx="158">
                  <c:v>43231.715925925928</c:v>
                </c:pt>
                <c:pt idx="159">
                  <c:v>43231.674328703702</c:v>
                </c:pt>
                <c:pt idx="160">
                  <c:v>43231.632870370369</c:v>
                </c:pt>
                <c:pt idx="161">
                  <c:v>43231.591226851851</c:v>
                </c:pt>
                <c:pt idx="162">
                  <c:v>43231.549629629626</c:v>
                </c:pt>
                <c:pt idx="163">
                  <c:v>43231.508113425924</c:v>
                </c:pt>
                <c:pt idx="164">
                  <c:v>43231.466469907406</c:v>
                </c:pt>
                <c:pt idx="165">
                  <c:v>43231.424861111111</c:v>
                </c:pt>
                <c:pt idx="166">
                  <c:v>43231.383229166669</c:v>
                </c:pt>
                <c:pt idx="167">
                  <c:v>43231.341631944444</c:v>
                </c:pt>
                <c:pt idx="168">
                  <c:v>43231.3</c:v>
                </c:pt>
                <c:pt idx="169">
                  <c:v>43231.258402777778</c:v>
                </c:pt>
                <c:pt idx="170">
                  <c:v>43231.216793981483</c:v>
                </c:pt>
                <c:pt idx="171">
                  <c:v>43231.175185185188</c:v>
                </c:pt>
                <c:pt idx="172">
                  <c:v>43231.13354166667</c:v>
                </c:pt>
                <c:pt idx="173">
                  <c:v>43231.091921296298</c:v>
                </c:pt>
                <c:pt idx="174">
                  <c:v>43231.050312500003</c:v>
                </c:pt>
                <c:pt idx="175">
                  <c:v>43231.008657407408</c:v>
                </c:pt>
                <c:pt idx="176">
                  <c:v>43230.96702546296</c:v>
                </c:pt>
                <c:pt idx="177">
                  <c:v>43230.925393518519</c:v>
                </c:pt>
                <c:pt idx="178">
                  <c:v>43230.883750000001</c:v>
                </c:pt>
                <c:pt idx="179">
                  <c:v>43230.842141203706</c:v>
                </c:pt>
                <c:pt idx="180">
                  <c:v>43230.800509259258</c:v>
                </c:pt>
                <c:pt idx="181">
                  <c:v>43230.758912037039</c:v>
                </c:pt>
                <c:pt idx="182">
                  <c:v>43230.717280092591</c:v>
                </c:pt>
                <c:pt idx="183">
                  <c:v>43230.675671296296</c:v>
                </c:pt>
                <c:pt idx="184">
                  <c:v>43230.634074074071</c:v>
                </c:pt>
                <c:pt idx="185">
                  <c:v>43230.592453703706</c:v>
                </c:pt>
                <c:pt idx="186">
                  <c:v>43230.550856481481</c:v>
                </c:pt>
                <c:pt idx="187">
                  <c:v>43230.509212962963</c:v>
                </c:pt>
                <c:pt idx="188">
                  <c:v>43230.467581018522</c:v>
                </c:pt>
                <c:pt idx="189">
                  <c:v>43230.425983796296</c:v>
                </c:pt>
                <c:pt idx="190">
                  <c:v>43230.384351851855</c:v>
                </c:pt>
                <c:pt idx="191">
                  <c:v>43230.342719907407</c:v>
                </c:pt>
                <c:pt idx="192">
                  <c:v>43230.301076388889</c:v>
                </c:pt>
                <c:pt idx="193">
                  <c:v>43230.259456018517</c:v>
                </c:pt>
                <c:pt idx="194">
                  <c:v>43230.217824074076</c:v>
                </c:pt>
                <c:pt idx="195">
                  <c:v>43230.176215277781</c:v>
                </c:pt>
                <c:pt idx="196">
                  <c:v>43230.134606481479</c:v>
                </c:pt>
                <c:pt idx="197">
                  <c:v>43230.093009259261</c:v>
                </c:pt>
                <c:pt idx="198">
                  <c:v>43230.051412037035</c:v>
                </c:pt>
                <c:pt idx="199">
                  <c:v>43230.009768518517</c:v>
                </c:pt>
                <c:pt idx="200">
                  <c:v>43229.968148148146</c:v>
                </c:pt>
                <c:pt idx="201">
                  <c:v>43229.926516203705</c:v>
                </c:pt>
                <c:pt idx="202">
                  <c:v>43229.884930555556</c:v>
                </c:pt>
                <c:pt idx="203">
                  <c:v>43229.843275462961</c:v>
                </c:pt>
                <c:pt idx="204">
                  <c:v>43229.80164351852</c:v>
                </c:pt>
                <c:pt idx="205">
                  <c:v>43229.760023148148</c:v>
                </c:pt>
                <c:pt idx="206">
                  <c:v>43229.71837962963</c:v>
                </c:pt>
                <c:pt idx="207">
                  <c:v>43229.676747685182</c:v>
                </c:pt>
                <c:pt idx="208">
                  <c:v>43229.635092592594</c:v>
                </c:pt>
                <c:pt idx="209">
                  <c:v>43229.593495370369</c:v>
                </c:pt>
                <c:pt idx="210">
                  <c:v>43229.551851851851</c:v>
                </c:pt>
                <c:pt idx="211">
                  <c:v>43229.510277777779</c:v>
                </c:pt>
                <c:pt idx="212">
                  <c:v>43229.468819444446</c:v>
                </c:pt>
                <c:pt idx="213">
                  <c:v>43229.468657407408</c:v>
                </c:pt>
                <c:pt idx="214">
                  <c:v>43229.42701388889</c:v>
                </c:pt>
                <c:pt idx="215">
                  <c:v>43229.385381944441</c:v>
                </c:pt>
                <c:pt idx="216">
                  <c:v>43229.343761574077</c:v>
                </c:pt>
                <c:pt idx="217">
                  <c:v>43229.302118055559</c:v>
                </c:pt>
                <c:pt idx="218">
                  <c:v>43229.260497685187</c:v>
                </c:pt>
                <c:pt idx="219">
                  <c:v>43229.218865740739</c:v>
                </c:pt>
                <c:pt idx="220">
                  <c:v>43229.177222222221</c:v>
                </c:pt>
                <c:pt idx="221">
                  <c:v>43229.135636574072</c:v>
                </c:pt>
                <c:pt idx="222">
                  <c:v>43229.0940162037</c:v>
                </c:pt>
                <c:pt idx="223">
                  <c:v>43229.052418981482</c:v>
                </c:pt>
                <c:pt idx="224">
                  <c:v>43229.010798611111</c:v>
                </c:pt>
                <c:pt idx="225">
                  <c:v>43228.969178240739</c:v>
                </c:pt>
                <c:pt idx="226">
                  <c:v>43228.927569444444</c:v>
                </c:pt>
                <c:pt idx="227">
                  <c:v>43228.885937500003</c:v>
                </c:pt>
                <c:pt idx="228">
                  <c:v>43228.844293981485</c:v>
                </c:pt>
                <c:pt idx="229">
                  <c:v>43228.802662037036</c:v>
                </c:pt>
                <c:pt idx="230">
                  <c:v>43228.761030092595</c:v>
                </c:pt>
                <c:pt idx="231">
                  <c:v>43228.719421296293</c:v>
                </c:pt>
                <c:pt idx="232">
                  <c:v>43228.677824074075</c:v>
                </c:pt>
                <c:pt idx="233">
                  <c:v>43228.636203703703</c:v>
                </c:pt>
                <c:pt idx="234">
                  <c:v>43228.594571759262</c:v>
                </c:pt>
                <c:pt idx="235">
                  <c:v>43228.552928240744</c:v>
                </c:pt>
                <c:pt idx="236">
                  <c:v>43228.511296296296</c:v>
                </c:pt>
                <c:pt idx="237">
                  <c:v>43228.469687500001</c:v>
                </c:pt>
                <c:pt idx="238">
                  <c:v>43228.428067129629</c:v>
                </c:pt>
                <c:pt idx="239">
                  <c:v>43228.386481481481</c:v>
                </c:pt>
                <c:pt idx="240">
                  <c:v>43228.344837962963</c:v>
                </c:pt>
                <c:pt idx="241">
                  <c:v>43228.303194444445</c:v>
                </c:pt>
                <c:pt idx="242">
                  <c:v>43228.261574074073</c:v>
                </c:pt>
                <c:pt idx="243">
                  <c:v>43228.219942129632</c:v>
                </c:pt>
                <c:pt idx="244">
                  <c:v>43228.17832175926</c:v>
                </c:pt>
                <c:pt idx="245">
                  <c:v>43228.136712962965</c:v>
                </c:pt>
                <c:pt idx="246">
                  <c:v>43228.095081018517</c:v>
                </c:pt>
                <c:pt idx="247">
                  <c:v>43228.053437499999</c:v>
                </c:pt>
                <c:pt idx="248">
                  <c:v>43228.011805555558</c:v>
                </c:pt>
                <c:pt idx="249">
                  <c:v>43227.970208333332</c:v>
                </c:pt>
                <c:pt idx="250">
                  <c:v>43227.928564814814</c:v>
                </c:pt>
                <c:pt idx="251">
                  <c:v>43227.886944444443</c:v>
                </c:pt>
                <c:pt idx="252">
                  <c:v>43227.845312500001</c:v>
                </c:pt>
                <c:pt idx="253">
                  <c:v>43227.80369212963</c:v>
                </c:pt>
                <c:pt idx="254">
                  <c:v>43227.762083333335</c:v>
                </c:pt>
                <c:pt idx="255">
                  <c:v>43227.720462962963</c:v>
                </c:pt>
                <c:pt idx="256">
                  <c:v>43227.678831018522</c:v>
                </c:pt>
                <c:pt idx="257">
                  <c:v>43227.63721064815</c:v>
                </c:pt>
                <c:pt idx="258">
                  <c:v>43227.595590277779</c:v>
                </c:pt>
                <c:pt idx="259">
                  <c:v>43227.553935185184</c:v>
                </c:pt>
                <c:pt idx="260">
                  <c:v>43227.512337962966</c:v>
                </c:pt>
                <c:pt idx="261">
                  <c:v>43227.470717592594</c:v>
                </c:pt>
                <c:pt idx="262">
                  <c:v>43227.429085648146</c:v>
                </c:pt>
                <c:pt idx="263">
                  <c:v>43227.387465277781</c:v>
                </c:pt>
                <c:pt idx="264">
                  <c:v>43227.345868055556</c:v>
                </c:pt>
                <c:pt idx="265">
                  <c:v>43227.304328703707</c:v>
                </c:pt>
                <c:pt idx="266">
                  <c:v>43227.262696759259</c:v>
                </c:pt>
                <c:pt idx="267">
                  <c:v>43227.221064814818</c:v>
                </c:pt>
                <c:pt idx="268">
                  <c:v>43227.179467592592</c:v>
                </c:pt>
                <c:pt idx="269">
                  <c:v>43227.137870370374</c:v>
                </c:pt>
                <c:pt idx="270">
                  <c:v>43227.096261574072</c:v>
                </c:pt>
                <c:pt idx="271">
                  <c:v>43227.054710648146</c:v>
                </c:pt>
                <c:pt idx="272">
                  <c:v>43227.013206018521</c:v>
                </c:pt>
                <c:pt idx="273">
                  <c:v>43226.971689814818</c:v>
                </c:pt>
                <c:pt idx="274">
                  <c:v>43226.930104166669</c:v>
                </c:pt>
                <c:pt idx="275">
                  <c:v>43226.888599537036</c:v>
                </c:pt>
                <c:pt idx="276">
                  <c:v>43226.847025462965</c:v>
                </c:pt>
                <c:pt idx="277">
                  <c:v>43226.805428240739</c:v>
                </c:pt>
                <c:pt idx="278">
                  <c:v>43226.763807870368</c:v>
                </c:pt>
                <c:pt idx="279">
                  <c:v>43226.72216435185</c:v>
                </c:pt>
                <c:pt idx="280">
                  <c:v>43226.680532407408</c:v>
                </c:pt>
                <c:pt idx="281">
                  <c:v>43226.638935185183</c:v>
                </c:pt>
                <c:pt idx="282">
                  <c:v>43226.597314814811</c:v>
                </c:pt>
                <c:pt idx="283">
                  <c:v>43226.55568287037</c:v>
                </c:pt>
                <c:pt idx="284">
                  <c:v>43226.514166666668</c:v>
                </c:pt>
                <c:pt idx="285">
                  <c:v>43226.472638888888</c:v>
                </c:pt>
                <c:pt idx="286">
                  <c:v>43226.431041666663</c:v>
                </c:pt>
                <c:pt idx="287">
                  <c:v>43226.389398148145</c:v>
                </c:pt>
                <c:pt idx="288">
                  <c:v>43226.34778935185</c:v>
                </c:pt>
                <c:pt idx="289">
                  <c:v>43226.306180555555</c:v>
                </c:pt>
                <c:pt idx="290">
                  <c:v>43226.264548611114</c:v>
                </c:pt>
                <c:pt idx="291">
                  <c:v>43226.222905092596</c:v>
                </c:pt>
                <c:pt idx="292">
                  <c:v>43226.181296296294</c:v>
                </c:pt>
                <c:pt idx="293">
                  <c:v>43226.139652777776</c:v>
                </c:pt>
                <c:pt idx="294">
                  <c:v>43226.098078703704</c:v>
                </c:pt>
                <c:pt idx="295">
                  <c:v>43226.056504629632</c:v>
                </c:pt>
                <c:pt idx="296">
                  <c:v>43226.01494212963</c:v>
                </c:pt>
                <c:pt idx="297">
                  <c:v>43225.973368055558</c:v>
                </c:pt>
                <c:pt idx="298">
                  <c:v>43225.93178240741</c:v>
                </c:pt>
                <c:pt idx="299">
                  <c:v>43225.890150462961</c:v>
                </c:pt>
                <c:pt idx="300">
                  <c:v>43225.848587962966</c:v>
                </c:pt>
                <c:pt idx="301">
                  <c:v>43225.806932870371</c:v>
                </c:pt>
                <c:pt idx="302">
                  <c:v>43225.765300925923</c:v>
                </c:pt>
                <c:pt idx="303">
                  <c:v>43225.723692129628</c:v>
                </c:pt>
                <c:pt idx="304">
                  <c:v>43225.682118055556</c:v>
                </c:pt>
                <c:pt idx="305">
                  <c:v>43225.640486111108</c:v>
                </c:pt>
                <c:pt idx="306">
                  <c:v>43225.59884259259</c:v>
                </c:pt>
                <c:pt idx="307">
                  <c:v>43225.557199074072</c:v>
                </c:pt>
                <c:pt idx="308">
                  <c:v>43225.515555555554</c:v>
                </c:pt>
                <c:pt idx="309">
                  <c:v>43225.473958333336</c:v>
                </c:pt>
                <c:pt idx="310">
                  <c:v>43225.432314814818</c:v>
                </c:pt>
                <c:pt idx="311">
                  <c:v>43225.390740740739</c:v>
                </c:pt>
                <c:pt idx="312">
                  <c:v>43225.349108796298</c:v>
                </c:pt>
                <c:pt idx="313">
                  <c:v>43225.307511574072</c:v>
                </c:pt>
                <c:pt idx="314">
                  <c:v>43225.265914351854</c:v>
                </c:pt>
                <c:pt idx="315">
                  <c:v>43225.224317129629</c:v>
                </c:pt>
                <c:pt idx="316">
                  <c:v>43225.18273148148</c:v>
                </c:pt>
                <c:pt idx="317">
                  <c:v>43225.141099537039</c:v>
                </c:pt>
                <c:pt idx="318">
                  <c:v>43225.09951388889</c:v>
                </c:pt>
                <c:pt idx="319">
                  <c:v>43225.057870370372</c:v>
                </c:pt>
                <c:pt idx="320">
                  <c:v>43225.016250000001</c:v>
                </c:pt>
                <c:pt idx="321">
                  <c:v>43224.974699074075</c:v>
                </c:pt>
                <c:pt idx="322">
                  <c:v>43224.933067129627</c:v>
                </c:pt>
                <c:pt idx="323">
                  <c:v>43224.891435185185</c:v>
                </c:pt>
                <c:pt idx="324">
                  <c:v>43224.849791666667</c:v>
                </c:pt>
                <c:pt idx="325">
                  <c:v>43224.808159722219</c:v>
                </c:pt>
                <c:pt idx="326">
                  <c:v>43224.766550925924</c:v>
                </c:pt>
                <c:pt idx="327">
                  <c:v>43224.724895833337</c:v>
                </c:pt>
                <c:pt idx="328">
                  <c:v>43224.683252314811</c:v>
                </c:pt>
                <c:pt idx="329">
                  <c:v>43224.641608796293</c:v>
                </c:pt>
                <c:pt idx="330">
                  <c:v>43224.599976851852</c:v>
                </c:pt>
                <c:pt idx="331">
                  <c:v>43224.558368055557</c:v>
                </c:pt>
                <c:pt idx="332">
                  <c:v>43224.516736111109</c:v>
                </c:pt>
                <c:pt idx="333">
                  <c:v>43224.475092592591</c:v>
                </c:pt>
                <c:pt idx="334">
                  <c:v>43224.43346064815</c:v>
                </c:pt>
                <c:pt idx="335">
                  <c:v>43224.391793981478</c:v>
                </c:pt>
                <c:pt idx="336">
                  <c:v>43224.35015046296</c:v>
                </c:pt>
                <c:pt idx="337">
                  <c:v>43224.308541666665</c:v>
                </c:pt>
                <c:pt idx="338">
                  <c:v>43224.266909722224</c:v>
                </c:pt>
                <c:pt idx="339">
                  <c:v>43224.225277777776</c:v>
                </c:pt>
                <c:pt idx="340">
                  <c:v>43224.183645833335</c:v>
                </c:pt>
                <c:pt idx="341">
                  <c:v>43224.142002314817</c:v>
                </c:pt>
                <c:pt idx="342">
                  <c:v>43224.100439814814</c:v>
                </c:pt>
                <c:pt idx="343">
                  <c:v>43224.058865740742</c:v>
                </c:pt>
                <c:pt idx="344">
                  <c:v>43224.017256944448</c:v>
                </c:pt>
                <c:pt idx="345">
                  <c:v>43223.975648148145</c:v>
                </c:pt>
                <c:pt idx="346">
                  <c:v>43223.934120370373</c:v>
                </c:pt>
                <c:pt idx="347">
                  <c:v>43223.892500000002</c:v>
                </c:pt>
                <c:pt idx="348">
                  <c:v>43223.850914351853</c:v>
                </c:pt>
                <c:pt idx="349">
                  <c:v>43223.809317129628</c:v>
                </c:pt>
                <c:pt idx="350">
                  <c:v>43223.76767361111</c:v>
                </c:pt>
                <c:pt idx="351">
                  <c:v>43223.726064814815</c:v>
                </c:pt>
                <c:pt idx="352">
                  <c:v>43223.684444444443</c:v>
                </c:pt>
                <c:pt idx="353">
                  <c:v>43223.642835648148</c:v>
                </c:pt>
                <c:pt idx="354">
                  <c:v>43223.60119212963</c:v>
                </c:pt>
                <c:pt idx="355">
                  <c:v>43223.559583333335</c:v>
                </c:pt>
                <c:pt idx="356">
                  <c:v>43223.517951388887</c:v>
                </c:pt>
                <c:pt idx="357">
                  <c:v>43223.476342592592</c:v>
                </c:pt>
                <c:pt idx="358">
                  <c:v>43223.434733796297</c:v>
                </c:pt>
                <c:pt idx="359">
                  <c:v>43223.393090277779</c:v>
                </c:pt>
                <c:pt idx="360">
                  <c:v>43223.351469907408</c:v>
                </c:pt>
                <c:pt idx="361">
                  <c:v>43223.309861111113</c:v>
                </c:pt>
                <c:pt idx="362">
                  <c:v>43223.268206018518</c:v>
                </c:pt>
                <c:pt idx="363">
                  <c:v>43223.226585648146</c:v>
                </c:pt>
                <c:pt idx="364">
                  <c:v>43223.184953703705</c:v>
                </c:pt>
                <c:pt idx="365">
                  <c:v>43223.143333333333</c:v>
                </c:pt>
                <c:pt idx="366">
                  <c:v>43223.101724537039</c:v>
                </c:pt>
                <c:pt idx="367">
                  <c:v>43223.060104166667</c:v>
                </c:pt>
                <c:pt idx="368">
                  <c:v>43223.018460648149</c:v>
                </c:pt>
                <c:pt idx="369">
                  <c:v>43222.9768287037</c:v>
                </c:pt>
                <c:pt idx="370">
                  <c:v>43222.935208333336</c:v>
                </c:pt>
                <c:pt idx="371">
                  <c:v>43222.893553240741</c:v>
                </c:pt>
                <c:pt idx="372">
                  <c:v>43222.851979166669</c:v>
                </c:pt>
                <c:pt idx="373">
                  <c:v>43222.810416666667</c:v>
                </c:pt>
                <c:pt idx="374">
                  <c:v>43222.768784722219</c:v>
                </c:pt>
                <c:pt idx="375">
                  <c:v>43222.727152777778</c:v>
                </c:pt>
                <c:pt idx="376">
                  <c:v>43222.685532407406</c:v>
                </c:pt>
                <c:pt idx="377">
                  <c:v>43222.643923611111</c:v>
                </c:pt>
                <c:pt idx="378">
                  <c:v>43222.602337962962</c:v>
                </c:pt>
                <c:pt idx="379">
                  <c:v>43222.560729166667</c:v>
                </c:pt>
                <c:pt idx="380">
                  <c:v>43222.519120370373</c:v>
                </c:pt>
                <c:pt idx="381">
                  <c:v>43222.477488425924</c:v>
                </c:pt>
                <c:pt idx="382">
                  <c:v>43222.435902777775</c:v>
                </c:pt>
                <c:pt idx="383">
                  <c:v>43222.394270833334</c:v>
                </c:pt>
                <c:pt idx="384">
                  <c:v>43222.352743055555</c:v>
                </c:pt>
                <c:pt idx="385">
                  <c:v>43222.311122685183</c:v>
                </c:pt>
                <c:pt idx="386">
                  <c:v>43222.269606481481</c:v>
                </c:pt>
                <c:pt idx="387">
                  <c:v>43222.228009259263</c:v>
                </c:pt>
                <c:pt idx="388">
                  <c:v>43222.186377314814</c:v>
                </c:pt>
                <c:pt idx="389">
                  <c:v>43222.144837962966</c:v>
                </c:pt>
                <c:pt idx="390">
                  <c:v>43222.103217592594</c:v>
                </c:pt>
                <c:pt idx="391">
                  <c:v>43222.061597222222</c:v>
                </c:pt>
                <c:pt idx="392">
                  <c:v>43222.019988425927</c:v>
                </c:pt>
                <c:pt idx="393">
                  <c:v>43221.978472222225</c:v>
                </c:pt>
                <c:pt idx="394">
                  <c:v>43221.936840277776</c:v>
                </c:pt>
                <c:pt idx="395">
                  <c:v>43221.895243055558</c:v>
                </c:pt>
                <c:pt idx="396">
                  <c:v>43221.853680555556</c:v>
                </c:pt>
                <c:pt idx="397">
                  <c:v>43221.812060185184</c:v>
                </c:pt>
                <c:pt idx="398">
                  <c:v>43221.770497685182</c:v>
                </c:pt>
                <c:pt idx="399">
                  <c:v>43221.728854166664</c:v>
                </c:pt>
                <c:pt idx="400">
                  <c:v>43221.687222222223</c:v>
                </c:pt>
                <c:pt idx="401">
                  <c:v>43221.645590277774</c:v>
                </c:pt>
                <c:pt idx="402">
                  <c:v>43221.603935185187</c:v>
                </c:pt>
                <c:pt idx="403">
                  <c:v>43221.562291666669</c:v>
                </c:pt>
                <c:pt idx="404">
                  <c:v>43221.52065972222</c:v>
                </c:pt>
                <c:pt idx="405">
                  <c:v>43221.479050925926</c:v>
                </c:pt>
                <c:pt idx="406">
                  <c:v>43221.437476851854</c:v>
                </c:pt>
                <c:pt idx="407">
                  <c:v>43221.395833333336</c:v>
                </c:pt>
                <c:pt idx="408">
                  <c:v>43221.354224537034</c:v>
                </c:pt>
                <c:pt idx="409">
                  <c:v>43221.312604166669</c:v>
                </c:pt>
                <c:pt idx="410">
                  <c:v>43221.271018518521</c:v>
                </c:pt>
                <c:pt idx="411">
                  <c:v>43221.229467592595</c:v>
                </c:pt>
                <c:pt idx="412">
                  <c:v>43221.187939814816</c:v>
                </c:pt>
                <c:pt idx="413">
                  <c:v>43221.146365740744</c:v>
                </c:pt>
                <c:pt idx="414">
                  <c:v>43221.104837962965</c:v>
                </c:pt>
                <c:pt idx="415">
                  <c:v>43221.063217592593</c:v>
                </c:pt>
                <c:pt idx="416">
                  <c:v>43221.021608796298</c:v>
                </c:pt>
                <c:pt idx="417">
                  <c:v>43220.98</c:v>
                </c:pt>
                <c:pt idx="418">
                  <c:v>43220.938506944447</c:v>
                </c:pt>
                <c:pt idx="419">
                  <c:v>43220.896886574075</c:v>
                </c:pt>
                <c:pt idx="420">
                  <c:v>43220.855266203704</c:v>
                </c:pt>
                <c:pt idx="421">
                  <c:v>43220.813715277778</c:v>
                </c:pt>
                <c:pt idx="422">
                  <c:v>43220.772106481483</c:v>
                </c:pt>
                <c:pt idx="423">
                  <c:v>43220.730543981481</c:v>
                </c:pt>
                <c:pt idx="424">
                  <c:v>43220.688935185186</c:v>
                </c:pt>
                <c:pt idx="425">
                  <c:v>43220.647314814814</c:v>
                </c:pt>
                <c:pt idx="426">
                  <c:v>43220.605821759258</c:v>
                </c:pt>
                <c:pt idx="427">
                  <c:v>43220.564201388886</c:v>
                </c:pt>
                <c:pt idx="428">
                  <c:v>43220.522581018522</c:v>
                </c:pt>
                <c:pt idx="429">
                  <c:v>43220.48101851852</c:v>
                </c:pt>
                <c:pt idx="430">
                  <c:v>43220.439386574071</c:v>
                </c:pt>
                <c:pt idx="431">
                  <c:v>43220.397743055553</c:v>
                </c:pt>
                <c:pt idx="432">
                  <c:v>43220.356111111112</c:v>
                </c:pt>
                <c:pt idx="433">
                  <c:v>43220.314502314817</c:v>
                </c:pt>
                <c:pt idx="434">
                  <c:v>43220.272858796299</c:v>
                </c:pt>
                <c:pt idx="435">
                  <c:v>43220.231273148151</c:v>
                </c:pt>
                <c:pt idx="436">
                  <c:v>43220.189652777779</c:v>
                </c:pt>
                <c:pt idx="437">
                  <c:v>43220.148159722223</c:v>
                </c:pt>
                <c:pt idx="438">
                  <c:v>43220.106562499997</c:v>
                </c:pt>
                <c:pt idx="439">
                  <c:v>43220.065023148149</c:v>
                </c:pt>
                <c:pt idx="440">
                  <c:v>43220.0234375</c:v>
                </c:pt>
                <c:pt idx="441">
                  <c:v>43219.981909722221</c:v>
                </c:pt>
                <c:pt idx="442">
                  <c:v>43219.940358796295</c:v>
                </c:pt>
                <c:pt idx="443">
                  <c:v>43219.898726851854</c:v>
                </c:pt>
                <c:pt idx="444">
                  <c:v>43219.857094907406</c:v>
                </c:pt>
                <c:pt idx="445">
                  <c:v>43219.815532407411</c:v>
                </c:pt>
                <c:pt idx="446">
                  <c:v>43219.773969907408</c:v>
                </c:pt>
                <c:pt idx="447">
                  <c:v>43219.73238425926</c:v>
                </c:pt>
                <c:pt idx="448">
                  <c:v>43219.690798611111</c:v>
                </c:pt>
                <c:pt idx="449">
                  <c:v>43219.649224537039</c:v>
                </c:pt>
                <c:pt idx="450">
                  <c:v>43219.607604166667</c:v>
                </c:pt>
                <c:pt idx="451">
                  <c:v>43219.566041666665</c:v>
                </c:pt>
                <c:pt idx="452">
                  <c:v>43219.524398148147</c:v>
                </c:pt>
                <c:pt idx="453">
                  <c:v>43219.482870370368</c:v>
                </c:pt>
                <c:pt idx="454">
                  <c:v>43219.441238425927</c:v>
                </c:pt>
                <c:pt idx="455">
                  <c:v>43219.399606481478</c:v>
                </c:pt>
                <c:pt idx="456">
                  <c:v>43219.357974537037</c:v>
                </c:pt>
                <c:pt idx="457">
                  <c:v>43219.316365740742</c:v>
                </c:pt>
                <c:pt idx="458">
                  <c:v>43219.274756944447</c:v>
                </c:pt>
                <c:pt idx="459">
                  <c:v>43219.233148148145</c:v>
                </c:pt>
                <c:pt idx="460">
                  <c:v>43219.191550925927</c:v>
                </c:pt>
                <c:pt idx="461">
                  <c:v>43219.149988425925</c:v>
                </c:pt>
                <c:pt idx="462">
                  <c:v>43219.108449074076</c:v>
                </c:pt>
                <c:pt idx="463">
                  <c:v>43219.066817129627</c:v>
                </c:pt>
                <c:pt idx="464">
                  <c:v>43219.025254629632</c:v>
                </c:pt>
                <c:pt idx="465">
                  <c:v>43218.983680555553</c:v>
                </c:pt>
                <c:pt idx="466">
                  <c:v>43218.942129629628</c:v>
                </c:pt>
                <c:pt idx="467">
                  <c:v>43218.900567129633</c:v>
                </c:pt>
                <c:pt idx="468">
                  <c:v>43218.858993055554</c:v>
                </c:pt>
                <c:pt idx="469">
                  <c:v>43218.817361111112</c:v>
                </c:pt>
                <c:pt idx="470">
                  <c:v>43218.775729166664</c:v>
                </c:pt>
                <c:pt idx="471">
                  <c:v>43218.734166666669</c:v>
                </c:pt>
                <c:pt idx="472">
                  <c:v>43218.69253472222</c:v>
                </c:pt>
                <c:pt idx="473">
                  <c:v>43218.650995370372</c:v>
                </c:pt>
                <c:pt idx="474">
                  <c:v>43218.609432870369</c:v>
                </c:pt>
                <c:pt idx="475">
                  <c:v>43218.567858796298</c:v>
                </c:pt>
                <c:pt idx="476">
                  <c:v>43218.526250000003</c:v>
                </c:pt>
                <c:pt idx="477">
                  <c:v>43218.484618055554</c:v>
                </c:pt>
                <c:pt idx="478">
                  <c:v>43218.443090277775</c:v>
                </c:pt>
                <c:pt idx="479">
                  <c:v>43218.401469907411</c:v>
                </c:pt>
                <c:pt idx="480">
                  <c:v>43218.359826388885</c:v>
                </c:pt>
                <c:pt idx="481">
                  <c:v>43218.318182870367</c:v>
                </c:pt>
                <c:pt idx="482">
                  <c:v>43218.276550925926</c:v>
                </c:pt>
                <c:pt idx="483">
                  <c:v>43218.234930555554</c:v>
                </c:pt>
                <c:pt idx="484">
                  <c:v>43218.193310185183</c:v>
                </c:pt>
                <c:pt idx="485">
                  <c:v>43218.151678240742</c:v>
                </c:pt>
                <c:pt idx="486">
                  <c:v>43218.110115740739</c:v>
                </c:pt>
                <c:pt idx="487">
                  <c:v>43218.068564814814</c:v>
                </c:pt>
                <c:pt idx="488">
                  <c:v>43218.027002314811</c:v>
                </c:pt>
                <c:pt idx="489">
                  <c:v>43217.98542824074</c:v>
                </c:pt>
                <c:pt idx="490">
                  <c:v>43217.943842592591</c:v>
                </c:pt>
                <c:pt idx="491">
                  <c:v>43217.902222222219</c:v>
                </c:pt>
                <c:pt idx="492">
                  <c:v>43217.860590277778</c:v>
                </c:pt>
                <c:pt idx="493">
                  <c:v>43217.818969907406</c:v>
                </c:pt>
                <c:pt idx="494">
                  <c:v>43217.777361111112</c:v>
                </c:pt>
                <c:pt idx="495">
                  <c:v>43217.735729166663</c:v>
                </c:pt>
                <c:pt idx="496">
                  <c:v>43217.694085648145</c:v>
                </c:pt>
                <c:pt idx="497">
                  <c:v>43217.652511574073</c:v>
                </c:pt>
                <c:pt idx="498">
                  <c:v>43217.610983796294</c:v>
                </c:pt>
                <c:pt idx="499">
                  <c:v>43217.569386574076</c:v>
                </c:pt>
                <c:pt idx="500">
                  <c:v>43217.527824074074</c:v>
                </c:pt>
                <c:pt idx="501">
                  <c:v>43217.486296296294</c:v>
                </c:pt>
                <c:pt idx="502">
                  <c:v>43217.444791666669</c:v>
                </c:pt>
                <c:pt idx="503">
                  <c:v>43217.403194444443</c:v>
                </c:pt>
                <c:pt idx="504">
                  <c:v>43217.361562500002</c:v>
                </c:pt>
                <c:pt idx="505">
                  <c:v>43217.319918981484</c:v>
                </c:pt>
                <c:pt idx="506">
                  <c:v>43217.278368055559</c:v>
                </c:pt>
                <c:pt idx="507">
                  <c:v>43217.236770833333</c:v>
                </c:pt>
                <c:pt idx="508">
                  <c:v>43217.195115740738</c:v>
                </c:pt>
                <c:pt idx="509">
                  <c:v>43217.15351851852</c:v>
                </c:pt>
                <c:pt idx="510">
                  <c:v>43217.111944444441</c:v>
                </c:pt>
                <c:pt idx="511">
                  <c:v>43217.0703125</c:v>
                </c:pt>
                <c:pt idx="512">
                  <c:v>43217.028749999998</c:v>
                </c:pt>
                <c:pt idx="513">
                  <c:v>43216.987326388888</c:v>
                </c:pt>
                <c:pt idx="514">
                  <c:v>43216.945740740739</c:v>
                </c:pt>
                <c:pt idx="515">
                  <c:v>43216.904131944444</c:v>
                </c:pt>
                <c:pt idx="516">
                  <c:v>43216.862476851849</c:v>
                </c:pt>
                <c:pt idx="517">
                  <c:v>43216.820844907408</c:v>
                </c:pt>
                <c:pt idx="518">
                  <c:v>43216.779247685183</c:v>
                </c:pt>
                <c:pt idx="519">
                  <c:v>43216.737615740742</c:v>
                </c:pt>
                <c:pt idx="520">
                  <c:v>43216.695983796293</c:v>
                </c:pt>
                <c:pt idx="521">
                  <c:v>43216.654386574075</c:v>
                </c:pt>
                <c:pt idx="522">
                  <c:v>43216.612766203703</c:v>
                </c:pt>
                <c:pt idx="523">
                  <c:v>43216.571134259262</c:v>
                </c:pt>
                <c:pt idx="524">
                  <c:v>43216.529490740744</c:v>
                </c:pt>
                <c:pt idx="525">
                  <c:v>43216.495578703703</c:v>
                </c:pt>
                <c:pt idx="526">
                  <c:v>43216.487916666665</c:v>
                </c:pt>
                <c:pt idx="527">
                  <c:v>43216.446296296293</c:v>
                </c:pt>
                <c:pt idx="528">
                  <c:v>43216.404699074075</c:v>
                </c:pt>
                <c:pt idx="529">
                  <c:v>43216.363078703704</c:v>
                </c:pt>
                <c:pt idx="530">
                  <c:v>43216.321458333332</c:v>
                </c:pt>
                <c:pt idx="531">
                  <c:v>43216.279861111114</c:v>
                </c:pt>
                <c:pt idx="532">
                  <c:v>43216.238252314812</c:v>
                </c:pt>
                <c:pt idx="533">
                  <c:v>43216.196608796294</c:v>
                </c:pt>
                <c:pt idx="534">
                  <c:v>43216.154976851853</c:v>
                </c:pt>
                <c:pt idx="535">
                  <c:v>43216.113344907404</c:v>
                </c:pt>
                <c:pt idx="536">
                  <c:v>43216.071701388886</c:v>
                </c:pt>
                <c:pt idx="537">
                  <c:v>43216.030104166668</c:v>
                </c:pt>
                <c:pt idx="538">
                  <c:v>43215.988506944443</c:v>
                </c:pt>
                <c:pt idx="539">
                  <c:v>43215.946909722225</c:v>
                </c:pt>
                <c:pt idx="540">
                  <c:v>43215.905324074076</c:v>
                </c:pt>
                <c:pt idx="541">
                  <c:v>43215.863738425927</c:v>
                </c:pt>
                <c:pt idx="542">
                  <c:v>43215.822118055556</c:v>
                </c:pt>
                <c:pt idx="543">
                  <c:v>43215.780509259261</c:v>
                </c:pt>
                <c:pt idx="544">
                  <c:v>43215.738888888889</c:v>
                </c:pt>
                <c:pt idx="545">
                  <c:v>43215.69730324074</c:v>
                </c:pt>
                <c:pt idx="546">
                  <c:v>43215.655671296299</c:v>
                </c:pt>
                <c:pt idx="547">
                  <c:v>43215.614039351851</c:v>
                </c:pt>
                <c:pt idx="548">
                  <c:v>43215.572418981479</c:v>
                </c:pt>
                <c:pt idx="549">
                  <c:v>43215.530775462961</c:v>
                </c:pt>
                <c:pt idx="550">
                  <c:v>43215.489155092589</c:v>
                </c:pt>
                <c:pt idx="551">
                  <c:v>43215.447534722225</c:v>
                </c:pt>
                <c:pt idx="552">
                  <c:v>43215.405902777777</c:v>
                </c:pt>
                <c:pt idx="553">
                  <c:v>43215.364282407405</c:v>
                </c:pt>
                <c:pt idx="554">
                  <c:v>43215.322638888887</c:v>
                </c:pt>
                <c:pt idx="555">
                  <c:v>43215.281030092592</c:v>
                </c:pt>
                <c:pt idx="556">
                  <c:v>43215.239421296297</c:v>
                </c:pt>
                <c:pt idx="557">
                  <c:v>43215.197777777779</c:v>
                </c:pt>
                <c:pt idx="558">
                  <c:v>43215.156134259261</c:v>
                </c:pt>
                <c:pt idx="559">
                  <c:v>43215.114502314813</c:v>
                </c:pt>
                <c:pt idx="560">
                  <c:v>43215.072870370372</c:v>
                </c:pt>
                <c:pt idx="561">
                  <c:v>43215.031238425923</c:v>
                </c:pt>
                <c:pt idx="562">
                  <c:v>43214.989583333336</c:v>
                </c:pt>
                <c:pt idx="563">
                  <c:v>43214.94798611111</c:v>
                </c:pt>
                <c:pt idx="564">
                  <c:v>43214.906365740739</c:v>
                </c:pt>
                <c:pt idx="565">
                  <c:v>43214.86478009259</c:v>
                </c:pt>
                <c:pt idx="566">
                  <c:v>43214.823159722226</c:v>
                </c:pt>
                <c:pt idx="567">
                  <c:v>43214.781597222223</c:v>
                </c:pt>
                <c:pt idx="568">
                  <c:v>43214.739976851852</c:v>
                </c:pt>
                <c:pt idx="569">
                  <c:v>43214.698379629626</c:v>
                </c:pt>
                <c:pt idx="570">
                  <c:v>43214.656770833331</c:v>
                </c:pt>
                <c:pt idx="571">
                  <c:v>43214.61515046296</c:v>
                </c:pt>
                <c:pt idx="572">
                  <c:v>43214.573553240742</c:v>
                </c:pt>
                <c:pt idx="573">
                  <c:v>43214.531956018516</c:v>
                </c:pt>
                <c:pt idx="574">
                  <c:v>43214.490324074075</c:v>
                </c:pt>
                <c:pt idx="575">
                  <c:v>43214.448680555557</c:v>
                </c:pt>
                <c:pt idx="576">
                  <c:v>43214.407071759262</c:v>
                </c:pt>
                <c:pt idx="577">
                  <c:v>43214.365428240744</c:v>
                </c:pt>
                <c:pt idx="578">
                  <c:v>43214.323807870373</c:v>
                </c:pt>
                <c:pt idx="579">
                  <c:v>43214.282175925924</c:v>
                </c:pt>
                <c:pt idx="580">
                  <c:v>43214.240567129629</c:v>
                </c:pt>
                <c:pt idx="581">
                  <c:v>43214.198935185188</c:v>
                </c:pt>
                <c:pt idx="582">
                  <c:v>43214.15729166667</c:v>
                </c:pt>
                <c:pt idx="583">
                  <c:v>43214.115648148145</c:v>
                </c:pt>
                <c:pt idx="584">
                  <c:v>43214.07402777778</c:v>
                </c:pt>
                <c:pt idx="585">
                  <c:v>43214.032442129632</c:v>
                </c:pt>
                <c:pt idx="586">
                  <c:v>43213.990810185183</c:v>
                </c:pt>
                <c:pt idx="587">
                  <c:v>43213.949201388888</c:v>
                </c:pt>
                <c:pt idx="588">
                  <c:v>43213.907581018517</c:v>
                </c:pt>
                <c:pt idx="589">
                  <c:v>43213.865960648145</c:v>
                </c:pt>
                <c:pt idx="590">
                  <c:v>43213.824340277781</c:v>
                </c:pt>
                <c:pt idx="591">
                  <c:v>43213.782696759263</c:v>
                </c:pt>
                <c:pt idx="592">
                  <c:v>43213.741053240738</c:v>
                </c:pt>
                <c:pt idx="593">
                  <c:v>43213.524756944447</c:v>
                </c:pt>
                <c:pt idx="594">
                  <c:v>43213.483113425929</c:v>
                </c:pt>
                <c:pt idx="595">
                  <c:v>43213.441493055558</c:v>
                </c:pt>
                <c:pt idx="596">
                  <c:v>43213.399872685186</c:v>
                </c:pt>
                <c:pt idx="597">
                  <c:v>43213.358229166668</c:v>
                </c:pt>
                <c:pt idx="598">
                  <c:v>43213.31659722222</c:v>
                </c:pt>
                <c:pt idx="599">
                  <c:v>43213.274942129632</c:v>
                </c:pt>
                <c:pt idx="600">
                  <c:v>43213.233298611114</c:v>
                </c:pt>
                <c:pt idx="601">
                  <c:v>43213.191689814812</c:v>
                </c:pt>
                <c:pt idx="602">
                  <c:v>43213.150185185186</c:v>
                </c:pt>
                <c:pt idx="603">
                  <c:v>43213.108541666668</c:v>
                </c:pt>
                <c:pt idx="604">
                  <c:v>43213.066979166666</c:v>
                </c:pt>
                <c:pt idx="605">
                  <c:v>43213.025381944448</c:v>
                </c:pt>
                <c:pt idx="606">
                  <c:v>43212.983831018515</c:v>
                </c:pt>
                <c:pt idx="607">
                  <c:v>43212.942245370374</c:v>
                </c:pt>
                <c:pt idx="608">
                  <c:v>43212.900717592594</c:v>
                </c:pt>
                <c:pt idx="609">
                  <c:v>43212.859143518515</c:v>
                </c:pt>
                <c:pt idx="610">
                  <c:v>43212.81753472222</c:v>
                </c:pt>
                <c:pt idx="611">
                  <c:v>43212.775902777779</c:v>
                </c:pt>
                <c:pt idx="612">
                  <c:v>43212.734259259261</c:v>
                </c:pt>
                <c:pt idx="613">
                  <c:v>43212.692673611113</c:v>
                </c:pt>
                <c:pt idx="614">
                  <c:v>43212.65111111111</c:v>
                </c:pt>
                <c:pt idx="615">
                  <c:v>43212.609606481485</c:v>
                </c:pt>
                <c:pt idx="616">
                  <c:v>43212.568078703705</c:v>
                </c:pt>
                <c:pt idx="617">
                  <c:v>43212.526423611111</c:v>
                </c:pt>
                <c:pt idx="618">
                  <c:v>43212.484803240739</c:v>
                </c:pt>
                <c:pt idx="619">
                  <c:v>43212.44321759259</c:v>
                </c:pt>
                <c:pt idx="620">
                  <c:v>43212.401689814818</c:v>
                </c:pt>
                <c:pt idx="621">
                  <c:v>43212.36005787037</c:v>
                </c:pt>
                <c:pt idx="622">
                  <c:v>43212.318472222221</c:v>
                </c:pt>
                <c:pt idx="623">
                  <c:v>43212.276828703703</c:v>
                </c:pt>
                <c:pt idx="624">
                  <c:v>43212.235208333332</c:v>
                </c:pt>
                <c:pt idx="625">
                  <c:v>43212.19358796296</c:v>
                </c:pt>
                <c:pt idx="626">
                  <c:v>43212.152002314811</c:v>
                </c:pt>
                <c:pt idx="627">
                  <c:v>43212.110405092593</c:v>
                </c:pt>
                <c:pt idx="628">
                  <c:v>43212.068877314814</c:v>
                </c:pt>
                <c:pt idx="629">
                  <c:v>43212.027256944442</c:v>
                </c:pt>
                <c:pt idx="630">
                  <c:v>43211.985659722224</c:v>
                </c:pt>
                <c:pt idx="631">
                  <c:v>43211.944062499999</c:v>
                </c:pt>
                <c:pt idx="632">
                  <c:v>43211.902511574073</c:v>
                </c:pt>
                <c:pt idx="633">
                  <c:v>43211.860902777778</c:v>
                </c:pt>
                <c:pt idx="634">
                  <c:v>43211.81931712963</c:v>
                </c:pt>
                <c:pt idx="635">
                  <c:v>43211.777719907404</c:v>
                </c:pt>
                <c:pt idx="636">
                  <c:v>43211.736122685186</c:v>
                </c:pt>
                <c:pt idx="637">
                  <c:v>43211.694490740738</c:v>
                </c:pt>
                <c:pt idx="638">
                  <c:v>43211.652881944443</c:v>
                </c:pt>
                <c:pt idx="639">
                  <c:v>43211.611250000002</c:v>
                </c:pt>
                <c:pt idx="640">
                  <c:v>43211.569675925923</c:v>
                </c:pt>
                <c:pt idx="641">
                  <c:v>43211.528124999997</c:v>
                </c:pt>
                <c:pt idx="642">
                  <c:v>43211.486516203702</c:v>
                </c:pt>
                <c:pt idx="643">
                  <c:v>43211.44494212963</c:v>
                </c:pt>
                <c:pt idx="644">
                  <c:v>43211.403321759259</c:v>
                </c:pt>
                <c:pt idx="645">
                  <c:v>43211.361712962964</c:v>
                </c:pt>
                <c:pt idx="646">
                  <c:v>43211.320115740738</c:v>
                </c:pt>
                <c:pt idx="647">
                  <c:v>43211.278506944444</c:v>
                </c:pt>
                <c:pt idx="648">
                  <c:v>43211.236851851849</c:v>
                </c:pt>
                <c:pt idx="649">
                  <c:v>43211.1952662037</c:v>
                </c:pt>
                <c:pt idx="650">
                  <c:v>43211.153645833336</c:v>
                </c:pt>
                <c:pt idx="651">
                  <c:v>43211.112164351849</c:v>
                </c:pt>
                <c:pt idx="652">
                  <c:v>43211.070567129631</c:v>
                </c:pt>
                <c:pt idx="653">
                  <c:v>43211.028981481482</c:v>
                </c:pt>
                <c:pt idx="654">
                  <c:v>43210.987442129626</c:v>
                </c:pt>
                <c:pt idx="655">
                  <c:v>43210.945798611108</c:v>
                </c:pt>
                <c:pt idx="656">
                  <c:v>43210.90425925926</c:v>
                </c:pt>
                <c:pt idx="657">
                  <c:v>43210.862627314818</c:v>
                </c:pt>
                <c:pt idx="658">
                  <c:v>43210.820983796293</c:v>
                </c:pt>
                <c:pt idx="659">
                  <c:v>43210.779351851852</c:v>
                </c:pt>
                <c:pt idx="660">
                  <c:v>43210.737743055557</c:v>
                </c:pt>
                <c:pt idx="661">
                  <c:v>43210.696087962962</c:v>
                </c:pt>
                <c:pt idx="662">
                  <c:v>43210.654502314814</c:v>
                </c:pt>
                <c:pt idx="663">
                  <c:v>43210.612905092596</c:v>
                </c:pt>
                <c:pt idx="664">
                  <c:v>43210.571319444447</c:v>
                </c:pt>
                <c:pt idx="665">
                  <c:v>43210.529687499999</c:v>
                </c:pt>
                <c:pt idx="666">
                  <c:v>43210.488125000003</c:v>
                </c:pt>
                <c:pt idx="667">
                  <c:v>43210.446527777778</c:v>
                </c:pt>
                <c:pt idx="668">
                  <c:v>43210.40488425926</c:v>
                </c:pt>
                <c:pt idx="669">
                  <c:v>43210.363263888888</c:v>
                </c:pt>
                <c:pt idx="670">
                  <c:v>43210.321712962963</c:v>
                </c:pt>
                <c:pt idx="671">
                  <c:v>43210.280104166668</c:v>
                </c:pt>
                <c:pt idx="672">
                  <c:v>43210.238483796296</c:v>
                </c:pt>
                <c:pt idx="673">
                  <c:v>43210.196863425925</c:v>
                </c:pt>
                <c:pt idx="674">
                  <c:v>43210.155347222222</c:v>
                </c:pt>
                <c:pt idx="675">
                  <c:v>43210.11383101852</c:v>
                </c:pt>
                <c:pt idx="676">
                  <c:v>43210.072222222225</c:v>
                </c:pt>
                <c:pt idx="677">
                  <c:v>43210.030671296299</c:v>
                </c:pt>
                <c:pt idx="678">
                  <c:v>43209.989062499997</c:v>
                </c:pt>
                <c:pt idx="679">
                  <c:v>43209.947488425925</c:v>
                </c:pt>
                <c:pt idx="680">
                  <c:v>43209.905914351853</c:v>
                </c:pt>
                <c:pt idx="681">
                  <c:v>43209.864340277774</c:v>
                </c:pt>
                <c:pt idx="682">
                  <c:v>43209.822731481479</c:v>
                </c:pt>
                <c:pt idx="683">
                  <c:v>43209.781087962961</c:v>
                </c:pt>
                <c:pt idx="684">
                  <c:v>43209.73945601852</c:v>
                </c:pt>
                <c:pt idx="685">
                  <c:v>43209.697824074072</c:v>
                </c:pt>
                <c:pt idx="686">
                  <c:v>43209.656192129631</c:v>
                </c:pt>
                <c:pt idx="687">
                  <c:v>43209.406736111108</c:v>
                </c:pt>
                <c:pt idx="688">
                  <c:v>43209.281828703701</c:v>
                </c:pt>
                <c:pt idx="689">
                  <c:v>43209.240231481483</c:v>
                </c:pt>
                <c:pt idx="690">
                  <c:v>43209.198599537034</c:v>
                </c:pt>
                <c:pt idx="691">
                  <c:v>43209.15697916667</c:v>
                </c:pt>
                <c:pt idx="692">
                  <c:v>43209.115381944444</c:v>
                </c:pt>
                <c:pt idx="693">
                  <c:v>43209.032175925924</c:v>
                </c:pt>
                <c:pt idx="694">
                  <c:v>43208.990532407406</c:v>
                </c:pt>
                <c:pt idx="695">
                  <c:v>43208.907268518517</c:v>
                </c:pt>
                <c:pt idx="696">
                  <c:v>43208.740752314814</c:v>
                </c:pt>
                <c:pt idx="697">
                  <c:v>43208.699143518519</c:v>
                </c:pt>
                <c:pt idx="698">
                  <c:v>43208.657557870371</c:v>
                </c:pt>
                <c:pt idx="699">
                  <c:v>43208.615937499999</c:v>
                </c:pt>
                <c:pt idx="700">
                  <c:v>43208.574317129627</c:v>
                </c:pt>
                <c:pt idx="701">
                  <c:v>43208.53266203704</c:v>
                </c:pt>
                <c:pt idx="702">
                  <c:v>43208.491041666668</c:v>
                </c:pt>
                <c:pt idx="703">
                  <c:v>43208.44940972222</c:v>
                </c:pt>
                <c:pt idx="704">
                  <c:v>43208.407754629632</c:v>
                </c:pt>
                <c:pt idx="705">
                  <c:v>43208.366157407407</c:v>
                </c:pt>
                <c:pt idx="706">
                  <c:v>43208.324537037035</c:v>
                </c:pt>
                <c:pt idx="707">
                  <c:v>43208.282916666663</c:v>
                </c:pt>
                <c:pt idx="708">
                  <c:v>43208.241284722222</c:v>
                </c:pt>
                <c:pt idx="709">
                  <c:v>43208.199664351851</c:v>
                </c:pt>
                <c:pt idx="710">
                  <c:v>43208.158032407409</c:v>
                </c:pt>
                <c:pt idx="711">
                  <c:v>43208.033125000002</c:v>
                </c:pt>
                <c:pt idx="712">
                  <c:v>43207.991516203707</c:v>
                </c:pt>
                <c:pt idx="713">
                  <c:v>43207.949930555558</c:v>
                </c:pt>
                <c:pt idx="714">
                  <c:v>43207.825023148151</c:v>
                </c:pt>
                <c:pt idx="715">
                  <c:v>43207.783391203702</c:v>
                </c:pt>
                <c:pt idx="716">
                  <c:v>43207.741759259261</c:v>
                </c:pt>
                <c:pt idx="717">
                  <c:v>43207.616886574076</c:v>
                </c:pt>
                <c:pt idx="718">
                  <c:v>43207.575277777774</c:v>
                </c:pt>
                <c:pt idx="719">
                  <c:v>43207.533645833333</c:v>
                </c:pt>
                <c:pt idx="720">
                  <c:v>43207.492025462961</c:v>
                </c:pt>
                <c:pt idx="721">
                  <c:v>43207.408784722225</c:v>
                </c:pt>
                <c:pt idx="722">
                  <c:v>43207.367152777777</c:v>
                </c:pt>
                <c:pt idx="723">
                  <c:v>43207.325532407405</c:v>
                </c:pt>
                <c:pt idx="724">
                  <c:v>43207.242256944446</c:v>
                </c:pt>
                <c:pt idx="725">
                  <c:v>43207.15896990741</c:v>
                </c:pt>
                <c:pt idx="726">
                  <c:v>43207.117326388892</c:v>
                </c:pt>
                <c:pt idx="727">
                  <c:v>43207.075729166667</c:v>
                </c:pt>
                <c:pt idx="728">
                  <c:v>43207.034074074072</c:v>
                </c:pt>
                <c:pt idx="729">
                  <c:v>43206.992476851854</c:v>
                </c:pt>
                <c:pt idx="730">
                  <c:v>43206.825960648152</c:v>
                </c:pt>
                <c:pt idx="731">
                  <c:v>43206.784328703703</c:v>
                </c:pt>
                <c:pt idx="732">
                  <c:v>43206.742685185185</c:v>
                </c:pt>
                <c:pt idx="733">
                  <c:v>43206.576226851852</c:v>
                </c:pt>
                <c:pt idx="734">
                  <c:v>43206.53460648148</c:v>
                </c:pt>
                <c:pt idx="735">
                  <c:v>43206.451377314814</c:v>
                </c:pt>
                <c:pt idx="736">
                  <c:v>43206.409756944442</c:v>
                </c:pt>
                <c:pt idx="737">
                  <c:v>43206.368136574078</c:v>
                </c:pt>
                <c:pt idx="738">
                  <c:v>43206.326527777775</c:v>
                </c:pt>
                <c:pt idx="739">
                  <c:v>43206.284907407404</c:v>
                </c:pt>
                <c:pt idx="740">
                  <c:v>43206.243287037039</c:v>
                </c:pt>
                <c:pt idx="741">
                  <c:v>43206.201643518521</c:v>
                </c:pt>
                <c:pt idx="742">
                  <c:v>43206.160011574073</c:v>
                </c:pt>
                <c:pt idx="743">
                  <c:v>43206.076770833337</c:v>
                </c:pt>
                <c:pt idx="744">
                  <c:v>43206.035138888888</c:v>
                </c:pt>
                <c:pt idx="745">
                  <c:v>43205.99355324074</c:v>
                </c:pt>
                <c:pt idx="746">
                  <c:v>43205.951944444445</c:v>
                </c:pt>
                <c:pt idx="747">
                  <c:v>43205.868703703702</c:v>
                </c:pt>
                <c:pt idx="748">
                  <c:v>43205.827094907407</c:v>
                </c:pt>
                <c:pt idx="749">
                  <c:v>43205.785486111112</c:v>
                </c:pt>
                <c:pt idx="750">
                  <c:v>43205.743854166663</c:v>
                </c:pt>
                <c:pt idx="751">
                  <c:v>43205.702222222222</c:v>
                </c:pt>
                <c:pt idx="752">
                  <c:v>43205.660590277781</c:v>
                </c:pt>
                <c:pt idx="753">
                  <c:v>43205.618946759256</c:v>
                </c:pt>
                <c:pt idx="754">
                  <c:v>43205.535821759258</c:v>
                </c:pt>
                <c:pt idx="755">
                  <c:v>43205.494155092594</c:v>
                </c:pt>
                <c:pt idx="756">
                  <c:v>43205.452523148146</c:v>
                </c:pt>
                <c:pt idx="757">
                  <c:v>43205.410879629628</c:v>
                </c:pt>
                <c:pt idx="758">
                  <c:v>43205.369247685187</c:v>
                </c:pt>
                <c:pt idx="759">
                  <c:v>43205.286030092589</c:v>
                </c:pt>
                <c:pt idx="760">
                  <c:v>43205.244375000002</c:v>
                </c:pt>
                <c:pt idx="761">
                  <c:v>43205.202800925923</c:v>
                </c:pt>
                <c:pt idx="762">
                  <c:v>43205.161145833335</c:v>
                </c:pt>
                <c:pt idx="763">
                  <c:v>43205.119525462964</c:v>
                </c:pt>
                <c:pt idx="764">
                  <c:v>43205.077939814815</c:v>
                </c:pt>
                <c:pt idx="765">
                  <c:v>43205.036435185182</c:v>
                </c:pt>
                <c:pt idx="766">
                  <c:v>43204.995011574072</c:v>
                </c:pt>
                <c:pt idx="767">
                  <c:v>43204.911840277775</c:v>
                </c:pt>
                <c:pt idx="768">
                  <c:v>43204.828611111108</c:v>
                </c:pt>
                <c:pt idx="769">
                  <c:v>43204.745358796295</c:v>
                </c:pt>
                <c:pt idx="770">
                  <c:v>43204.620451388888</c:v>
                </c:pt>
                <c:pt idx="771">
                  <c:v>43204.537199074075</c:v>
                </c:pt>
                <c:pt idx="772">
                  <c:v>43204.453981481478</c:v>
                </c:pt>
                <c:pt idx="773">
                  <c:v>43204.41233796296</c:v>
                </c:pt>
                <c:pt idx="774">
                  <c:v>43204.370752314811</c:v>
                </c:pt>
                <c:pt idx="775">
                  <c:v>43204.287627314814</c:v>
                </c:pt>
                <c:pt idx="776">
                  <c:v>43204.204386574071</c:v>
                </c:pt>
                <c:pt idx="777">
                  <c:v>43204.162835648145</c:v>
                </c:pt>
                <c:pt idx="778">
                  <c:v>43204.121180555558</c:v>
                </c:pt>
                <c:pt idx="779">
                  <c:v>43204.03806712963</c:v>
                </c:pt>
                <c:pt idx="780">
                  <c:v>43203.996423611112</c:v>
                </c:pt>
                <c:pt idx="781">
                  <c:v>43203.954918981479</c:v>
                </c:pt>
                <c:pt idx="782">
                  <c:v>43203.913310185184</c:v>
                </c:pt>
                <c:pt idx="783">
                  <c:v>43203.871701388889</c:v>
                </c:pt>
                <c:pt idx="784">
                  <c:v>43203.830069444448</c:v>
                </c:pt>
                <c:pt idx="785">
                  <c:v>43203.788460648146</c:v>
                </c:pt>
                <c:pt idx="786">
                  <c:v>43203.746828703705</c:v>
                </c:pt>
                <c:pt idx="787">
                  <c:v>43203.705196759256</c:v>
                </c:pt>
                <c:pt idx="788">
                  <c:v>43203.62195601852</c:v>
                </c:pt>
                <c:pt idx="789">
                  <c:v>43203.580324074072</c:v>
                </c:pt>
                <c:pt idx="790">
                  <c:v>43203.497129629628</c:v>
                </c:pt>
                <c:pt idx="791">
                  <c:v>43203.413854166669</c:v>
                </c:pt>
                <c:pt idx="792">
                  <c:v>43203.37222222222</c:v>
                </c:pt>
                <c:pt idx="793">
                  <c:v>43203.288981481484</c:v>
                </c:pt>
                <c:pt idx="794">
                  <c:v>43203.247361111113</c:v>
                </c:pt>
                <c:pt idx="795">
                  <c:v>43203.080891203703</c:v>
                </c:pt>
                <c:pt idx="796">
                  <c:v>43203.039340277777</c:v>
                </c:pt>
                <c:pt idx="797">
                  <c:v>43202.997685185182</c:v>
                </c:pt>
                <c:pt idx="798">
                  <c:v>43202.956076388888</c:v>
                </c:pt>
                <c:pt idx="799">
                  <c:v>43202.914467592593</c:v>
                </c:pt>
                <c:pt idx="800">
                  <c:v>43202.872881944444</c:v>
                </c:pt>
                <c:pt idx="801">
                  <c:v>43202.831273148149</c:v>
                </c:pt>
                <c:pt idx="802">
                  <c:v>43202.789629629631</c:v>
                </c:pt>
                <c:pt idx="803">
                  <c:v>43202.747997685183</c:v>
                </c:pt>
                <c:pt idx="804">
                  <c:v>43202.664733796293</c:v>
                </c:pt>
                <c:pt idx="805">
                  <c:v>43202.623124999998</c:v>
                </c:pt>
                <c:pt idx="806">
                  <c:v>43202.581504629627</c:v>
                </c:pt>
                <c:pt idx="807">
                  <c:v>43202.581504629627</c:v>
                </c:pt>
                <c:pt idx="808">
                  <c:v>43202.539884259262</c:v>
                </c:pt>
                <c:pt idx="809">
                  <c:v>43202.456712962965</c:v>
                </c:pt>
                <c:pt idx="810">
                  <c:v>43202.331828703704</c:v>
                </c:pt>
                <c:pt idx="811">
                  <c:v>43202.248622685183</c:v>
                </c:pt>
                <c:pt idx="812">
                  <c:v>43202.206967592596</c:v>
                </c:pt>
                <c:pt idx="813">
                  <c:v>43202.04047453704</c:v>
                </c:pt>
                <c:pt idx="814">
                  <c:v>43201.957256944443</c:v>
                </c:pt>
                <c:pt idx="815">
                  <c:v>43201.915613425925</c:v>
                </c:pt>
                <c:pt idx="816">
                  <c:v>43201.874062499999</c:v>
                </c:pt>
                <c:pt idx="817">
                  <c:v>43201.832453703704</c:v>
                </c:pt>
                <c:pt idx="818">
                  <c:v>43201.790810185186</c:v>
                </c:pt>
                <c:pt idx="819">
                  <c:v>43201.750358796293</c:v>
                </c:pt>
                <c:pt idx="820">
                  <c:v>43201.541076388887</c:v>
                </c:pt>
                <c:pt idx="821">
                  <c:v>43201.499537037038</c:v>
                </c:pt>
                <c:pt idx="822">
                  <c:v>43201.416319444441</c:v>
                </c:pt>
                <c:pt idx="823">
                  <c:v>43201.374745370369</c:v>
                </c:pt>
                <c:pt idx="824">
                  <c:v>43201.208437499998</c:v>
                </c:pt>
                <c:pt idx="825">
                  <c:v>43201.166898148149</c:v>
                </c:pt>
                <c:pt idx="826">
                  <c:v>43201.083703703705</c:v>
                </c:pt>
                <c:pt idx="827">
                  <c:v>43200.875821759262</c:v>
                </c:pt>
                <c:pt idx="828">
                  <c:v>43200.792569444442</c:v>
                </c:pt>
                <c:pt idx="829">
                  <c:v>43200.750937500001</c:v>
                </c:pt>
                <c:pt idx="830">
                  <c:v>43200.709317129629</c:v>
                </c:pt>
                <c:pt idx="831">
                  <c:v>43200.667673611111</c:v>
                </c:pt>
                <c:pt idx="832">
                  <c:v>43200.62604166667</c:v>
                </c:pt>
                <c:pt idx="833">
                  <c:v>43200.584421296298</c:v>
                </c:pt>
                <c:pt idx="834">
                  <c:v>43200.54278935185</c:v>
                </c:pt>
                <c:pt idx="835">
                  <c:v>43200.501168981478</c:v>
                </c:pt>
                <c:pt idx="836">
                  <c:v>43200.459537037037</c:v>
                </c:pt>
                <c:pt idx="837">
                  <c:v>43200.417893518519</c:v>
                </c:pt>
                <c:pt idx="838">
                  <c:v>43200.376273148147</c:v>
                </c:pt>
                <c:pt idx="839">
                  <c:v>43200.334664351853</c:v>
                </c:pt>
                <c:pt idx="840">
                  <c:v>43200.293032407404</c:v>
                </c:pt>
                <c:pt idx="841">
                  <c:v>43200.251400462963</c:v>
                </c:pt>
                <c:pt idx="842">
                  <c:v>43200.209814814814</c:v>
                </c:pt>
                <c:pt idx="843">
                  <c:v>43200.168171296296</c:v>
                </c:pt>
                <c:pt idx="844">
                  <c:v>43200.126574074071</c:v>
                </c:pt>
                <c:pt idx="845">
                  <c:v>43200.043333333335</c:v>
                </c:pt>
                <c:pt idx="846">
                  <c:v>43200.001689814817</c:v>
                </c:pt>
                <c:pt idx="847">
                  <c:v>43199.960081018522</c:v>
                </c:pt>
                <c:pt idx="848">
                  <c:v>43199.876840277779</c:v>
                </c:pt>
                <c:pt idx="849">
                  <c:v>43199.835347222222</c:v>
                </c:pt>
                <c:pt idx="850">
                  <c:v>43199.793738425928</c:v>
                </c:pt>
                <c:pt idx="851">
                  <c:v>43199.710486111115</c:v>
                </c:pt>
                <c:pt idx="852">
                  <c:v>43199.668842592589</c:v>
                </c:pt>
                <c:pt idx="853">
                  <c:v>43199.627199074072</c:v>
                </c:pt>
                <c:pt idx="854">
                  <c:v>43199.460694444446</c:v>
                </c:pt>
                <c:pt idx="855">
                  <c:v>43199.419131944444</c:v>
                </c:pt>
                <c:pt idx="856">
                  <c:v>43199.377534722225</c:v>
                </c:pt>
                <c:pt idx="857">
                  <c:v>43199.3359837963</c:v>
                </c:pt>
                <c:pt idx="858">
                  <c:v>43199.294374999998</c:v>
                </c:pt>
                <c:pt idx="859">
                  <c:v>43199.252789351849</c:v>
                </c:pt>
                <c:pt idx="860">
                  <c:v>43199.211180555554</c:v>
                </c:pt>
                <c:pt idx="861">
                  <c:v>43199.169594907406</c:v>
                </c:pt>
                <c:pt idx="862">
                  <c:v>43199.127951388888</c:v>
                </c:pt>
                <c:pt idx="863">
                  <c:v>43199.086331018516</c:v>
                </c:pt>
                <c:pt idx="864">
                  <c:v>43199.003148148149</c:v>
                </c:pt>
                <c:pt idx="865">
                  <c:v>43198.961504629631</c:v>
                </c:pt>
                <c:pt idx="866">
                  <c:v>43198.91988425926</c:v>
                </c:pt>
                <c:pt idx="867">
                  <c:v>43198.878263888888</c:v>
                </c:pt>
                <c:pt idx="868">
                  <c:v>43198.836678240739</c:v>
                </c:pt>
                <c:pt idx="869">
                  <c:v>43198.795046296298</c:v>
                </c:pt>
                <c:pt idx="870">
                  <c:v>43198.753391203703</c:v>
                </c:pt>
                <c:pt idx="871">
                  <c:v>43198.711782407408</c:v>
                </c:pt>
                <c:pt idx="872">
                  <c:v>43198.628530092596</c:v>
                </c:pt>
                <c:pt idx="873">
                  <c:v>43198.586898148147</c:v>
                </c:pt>
                <c:pt idx="874">
                  <c:v>43198.545289351852</c:v>
                </c:pt>
                <c:pt idx="875">
                  <c:v>43198.503668981481</c:v>
                </c:pt>
                <c:pt idx="876">
                  <c:v>43198.462037037039</c:v>
                </c:pt>
                <c:pt idx="877">
                  <c:v>43198.378796296296</c:v>
                </c:pt>
                <c:pt idx="878">
                  <c:v>43198.253946759258</c:v>
                </c:pt>
                <c:pt idx="879">
                  <c:v>43198.21230324074</c:v>
                </c:pt>
                <c:pt idx="880">
                  <c:v>43198.170659722222</c:v>
                </c:pt>
                <c:pt idx="881">
                  <c:v>43198.12908564815</c:v>
                </c:pt>
                <c:pt idx="882">
                  <c:v>43198.087453703702</c:v>
                </c:pt>
                <c:pt idx="883">
                  <c:v>43198.04583333333</c:v>
                </c:pt>
                <c:pt idx="884">
                  <c:v>43197.962581018517</c:v>
                </c:pt>
                <c:pt idx="885">
                  <c:v>43197.920949074076</c:v>
                </c:pt>
                <c:pt idx="886">
                  <c:v>43197.879317129627</c:v>
                </c:pt>
                <c:pt idx="887">
                  <c:v>43197.837685185186</c:v>
                </c:pt>
                <c:pt idx="888">
                  <c:v>43197.796053240738</c:v>
                </c:pt>
                <c:pt idx="889">
                  <c:v>43197.75440972222</c:v>
                </c:pt>
                <c:pt idx="890">
                  <c:v>43197.712777777779</c:v>
                </c:pt>
                <c:pt idx="891">
                  <c:v>43197.67114583333</c:v>
                </c:pt>
                <c:pt idx="892">
                  <c:v>43197.629502314812</c:v>
                </c:pt>
                <c:pt idx="893">
                  <c:v>43197.587905092594</c:v>
                </c:pt>
                <c:pt idx="894">
                  <c:v>43197.546273148146</c:v>
                </c:pt>
                <c:pt idx="895">
                  <c:v>43197.421412037038</c:v>
                </c:pt>
                <c:pt idx="896">
                  <c:v>43197.379837962966</c:v>
                </c:pt>
                <c:pt idx="897">
                  <c:v>43197.2966087963</c:v>
                </c:pt>
                <c:pt idx="898">
                  <c:v>43197.254976851851</c:v>
                </c:pt>
                <c:pt idx="899">
                  <c:v>43197.213356481479</c:v>
                </c:pt>
                <c:pt idx="900">
                  <c:v>43197.13009259259</c:v>
                </c:pt>
                <c:pt idx="901">
                  <c:v>43197.088460648149</c:v>
                </c:pt>
                <c:pt idx="902">
                  <c:v>43197.0468287037</c:v>
                </c:pt>
                <c:pt idx="903">
                  <c:v>43197.005185185182</c:v>
                </c:pt>
                <c:pt idx="904">
                  <c:v>43196.963599537034</c:v>
                </c:pt>
                <c:pt idx="905">
                  <c:v>43196.921979166669</c:v>
                </c:pt>
                <c:pt idx="906">
                  <c:v>43196.880358796298</c:v>
                </c:pt>
                <c:pt idx="907">
                  <c:v>43196.838761574072</c:v>
                </c:pt>
                <c:pt idx="908">
                  <c:v>43196.755474537036</c:v>
                </c:pt>
                <c:pt idx="909">
                  <c:v>43196.713842592595</c:v>
                </c:pt>
                <c:pt idx="910">
                  <c:v>43196.672222222223</c:v>
                </c:pt>
                <c:pt idx="911">
                  <c:v>43196.630578703705</c:v>
                </c:pt>
                <c:pt idx="912">
                  <c:v>43196.50582175926</c:v>
                </c:pt>
                <c:pt idx="913">
                  <c:v>43196.464178240742</c:v>
                </c:pt>
                <c:pt idx="914">
                  <c:v>43196.297766203701</c:v>
                </c:pt>
                <c:pt idx="915">
                  <c:v>43196.25613425926</c:v>
                </c:pt>
                <c:pt idx="916">
                  <c:v>43196.172905092593</c:v>
                </c:pt>
                <c:pt idx="917">
                  <c:v>43196.131273148145</c:v>
                </c:pt>
                <c:pt idx="918">
                  <c:v>43196.048043981478</c:v>
                </c:pt>
                <c:pt idx="919">
                  <c:v>43196.00644675926</c:v>
                </c:pt>
                <c:pt idx="920">
                  <c:v>43195.964849537035</c:v>
                </c:pt>
                <c:pt idx="921">
                  <c:v>43195.756712962961</c:v>
                </c:pt>
                <c:pt idx="922">
                  <c:v>43195.715092592596</c:v>
                </c:pt>
                <c:pt idx="923">
                  <c:v>43195.673449074071</c:v>
                </c:pt>
                <c:pt idx="924">
                  <c:v>43195.631840277776</c:v>
                </c:pt>
                <c:pt idx="925">
                  <c:v>43195.46533564815</c:v>
                </c:pt>
                <c:pt idx="926">
                  <c:v>43195.340439814812</c:v>
                </c:pt>
                <c:pt idx="927">
                  <c:v>43195.298819444448</c:v>
                </c:pt>
                <c:pt idx="928">
                  <c:v>43195.257210648146</c:v>
                </c:pt>
                <c:pt idx="929">
                  <c:v>43195.215590277781</c:v>
                </c:pt>
                <c:pt idx="930">
                  <c:v>43195.173946759256</c:v>
                </c:pt>
                <c:pt idx="931">
                  <c:v>43195.09065972222</c:v>
                </c:pt>
                <c:pt idx="932">
                  <c:v>43195.049027777779</c:v>
                </c:pt>
                <c:pt idx="933">
                  <c:v>43195.007418981484</c:v>
                </c:pt>
                <c:pt idx="934">
                  <c:v>43194.924178240741</c:v>
                </c:pt>
                <c:pt idx="935">
                  <c:v>43194.757673611108</c:v>
                </c:pt>
                <c:pt idx="936">
                  <c:v>43194.716041666667</c:v>
                </c:pt>
                <c:pt idx="937">
                  <c:v>43194.674398148149</c:v>
                </c:pt>
                <c:pt idx="938">
                  <c:v>43194.591157407405</c:v>
                </c:pt>
                <c:pt idx="939">
                  <c:v>43194.549571759257</c:v>
                </c:pt>
                <c:pt idx="940">
                  <c:v>43194.466400462959</c:v>
                </c:pt>
                <c:pt idx="941">
                  <c:v>43194.424756944441</c:v>
                </c:pt>
                <c:pt idx="942">
                  <c:v>43194.383206018516</c:v>
                </c:pt>
                <c:pt idx="943">
                  <c:v>43194.217094907406</c:v>
                </c:pt>
                <c:pt idx="944">
                  <c:v>43194.17560185185</c:v>
                </c:pt>
                <c:pt idx="945">
                  <c:v>43194.134062500001</c:v>
                </c:pt>
                <c:pt idx="946">
                  <c:v>43194.092488425929</c:v>
                </c:pt>
                <c:pt idx="947">
                  <c:v>43194.009386574071</c:v>
                </c:pt>
                <c:pt idx="948">
                  <c:v>43193.967812499999</c:v>
                </c:pt>
                <c:pt idx="949">
                  <c:v>43193.843032407407</c:v>
                </c:pt>
                <c:pt idx="950">
                  <c:v>43193.801458333335</c:v>
                </c:pt>
                <c:pt idx="951">
                  <c:v>43193.759837962964</c:v>
                </c:pt>
                <c:pt idx="952">
                  <c:v>43193.718206018515</c:v>
                </c:pt>
                <c:pt idx="953">
                  <c:v>43193.676550925928</c:v>
                </c:pt>
                <c:pt idx="954">
                  <c:v>43193.635115740741</c:v>
                </c:pt>
                <c:pt idx="955">
                  <c:v>43193.593530092592</c:v>
                </c:pt>
                <c:pt idx="956">
                  <c:v>43193.551932870374</c:v>
                </c:pt>
                <c:pt idx="957">
                  <c:v>43193.510335648149</c:v>
                </c:pt>
                <c:pt idx="958">
                  <c:v>43193.4687962963</c:v>
                </c:pt>
                <c:pt idx="959">
                  <c:v>43193.427245370367</c:v>
                </c:pt>
                <c:pt idx="960">
                  <c:v>43193.385706018518</c:v>
                </c:pt>
                <c:pt idx="961">
                  <c:v>43193.30259259259</c:v>
                </c:pt>
                <c:pt idx="962">
                  <c:v>43193.260949074072</c:v>
                </c:pt>
                <c:pt idx="963">
                  <c:v>43193.219444444447</c:v>
                </c:pt>
                <c:pt idx="964">
                  <c:v>43193.094571759262</c:v>
                </c:pt>
                <c:pt idx="965">
                  <c:v>43193.052986111114</c:v>
                </c:pt>
                <c:pt idx="966">
                  <c:v>43192.928159722222</c:v>
                </c:pt>
                <c:pt idx="967">
                  <c:v>43192.886574074073</c:v>
                </c:pt>
                <c:pt idx="968">
                  <c:v>43192.803391203706</c:v>
                </c:pt>
                <c:pt idx="969">
                  <c:v>43192.720138888886</c:v>
                </c:pt>
                <c:pt idx="970">
                  <c:v>43192.678530092591</c:v>
                </c:pt>
                <c:pt idx="971">
                  <c:v>43192.637048611112</c:v>
                </c:pt>
                <c:pt idx="972">
                  <c:v>43192.595243055555</c:v>
                </c:pt>
                <c:pt idx="973">
                  <c:v>43192.553703703707</c:v>
                </c:pt>
                <c:pt idx="974">
                  <c:v>43192.51222222222</c:v>
                </c:pt>
                <c:pt idx="975">
                  <c:v>43192.470578703702</c:v>
                </c:pt>
                <c:pt idx="976">
                  <c:v>43192.42895833333</c:v>
                </c:pt>
                <c:pt idx="977">
                  <c:v>43192.387326388889</c:v>
                </c:pt>
                <c:pt idx="978">
                  <c:v>43192.387326388889</c:v>
                </c:pt>
                <c:pt idx="979">
                  <c:v>43192.345706018517</c:v>
                </c:pt>
                <c:pt idx="980">
                  <c:v>43192.304166666669</c:v>
                </c:pt>
                <c:pt idx="981">
                  <c:v>43192.262627314813</c:v>
                </c:pt>
                <c:pt idx="982">
                  <c:v>43192.220983796295</c:v>
                </c:pt>
                <c:pt idx="983">
                  <c:v>43192.179456018515</c:v>
                </c:pt>
                <c:pt idx="984">
                  <c:v>43192.13784722222</c:v>
                </c:pt>
                <c:pt idx="985">
                  <c:v>43192.096203703702</c:v>
                </c:pt>
                <c:pt idx="986">
                  <c:v>43192.054583333331</c:v>
                </c:pt>
                <c:pt idx="987">
                  <c:v>43192.012986111113</c:v>
                </c:pt>
                <c:pt idx="988">
                  <c:v>43191.971365740741</c:v>
                </c:pt>
                <c:pt idx="989">
                  <c:v>43191.929826388892</c:v>
                </c:pt>
                <c:pt idx="990">
                  <c:v>43191.888240740744</c:v>
                </c:pt>
                <c:pt idx="991">
                  <c:v>43191.846608796295</c:v>
                </c:pt>
                <c:pt idx="992">
                  <c:v>43191.805</c:v>
                </c:pt>
                <c:pt idx="993">
                  <c:v>43191.763402777775</c:v>
                </c:pt>
                <c:pt idx="994">
                  <c:v>43191.721782407411</c:v>
                </c:pt>
                <c:pt idx="995">
                  <c:v>43191.680173611108</c:v>
                </c:pt>
                <c:pt idx="996">
                  <c:v>43191.63853009259</c:v>
                </c:pt>
                <c:pt idx="997">
                  <c:v>43191.596909722219</c:v>
                </c:pt>
                <c:pt idx="998">
                  <c:v>43191.555289351854</c:v>
                </c:pt>
                <c:pt idx="999">
                  <c:v>43191.513645833336</c:v>
                </c:pt>
                <c:pt idx="1000">
                  <c:v>43191.472013888888</c:v>
                </c:pt>
                <c:pt idx="1001">
                  <c:v>43191.430405092593</c:v>
                </c:pt>
                <c:pt idx="1002">
                  <c:v>43191.388784722221</c:v>
                </c:pt>
                <c:pt idx="1003">
                  <c:v>43191.263958333337</c:v>
                </c:pt>
                <c:pt idx="1004">
                  <c:v>43191.222372685188</c:v>
                </c:pt>
                <c:pt idx="1005">
                  <c:v>43191.18072916667</c:v>
                </c:pt>
                <c:pt idx="1006">
                  <c:v>43191.097638888888</c:v>
                </c:pt>
                <c:pt idx="1007">
                  <c:v>43191.056203703702</c:v>
                </c:pt>
                <c:pt idx="1008">
                  <c:v>43191.014652777776</c:v>
                </c:pt>
                <c:pt idx="1009">
                  <c:v>43190.973032407404</c:v>
                </c:pt>
                <c:pt idx="1010">
                  <c:v>43190.931435185186</c:v>
                </c:pt>
                <c:pt idx="1011">
                  <c:v>43190.889780092592</c:v>
                </c:pt>
                <c:pt idx="1012">
                  <c:v>43190.848171296297</c:v>
                </c:pt>
                <c:pt idx="1013">
                  <c:v>43190.806550925925</c:v>
                </c:pt>
                <c:pt idx="1014">
                  <c:v>43190.764907407407</c:v>
                </c:pt>
                <c:pt idx="1015">
                  <c:v>43190.723298611112</c:v>
                </c:pt>
                <c:pt idx="1016">
                  <c:v>43190.681701388887</c:v>
                </c:pt>
                <c:pt idx="1017">
                  <c:v>43190.640069444446</c:v>
                </c:pt>
                <c:pt idx="1018">
                  <c:v>43190.598449074074</c:v>
                </c:pt>
                <c:pt idx="1019">
                  <c:v>43190.556817129633</c:v>
                </c:pt>
                <c:pt idx="1020">
                  <c:v>43190.515196759261</c:v>
                </c:pt>
                <c:pt idx="1021">
                  <c:v>43190.473553240743</c:v>
                </c:pt>
                <c:pt idx="1022">
                  <c:v>43190.431921296295</c:v>
                </c:pt>
                <c:pt idx="1023">
                  <c:v>43190.390266203707</c:v>
                </c:pt>
                <c:pt idx="1024">
                  <c:v>43190.307013888887</c:v>
                </c:pt>
                <c:pt idx="1025">
                  <c:v>43190.265381944446</c:v>
                </c:pt>
                <c:pt idx="1026">
                  <c:v>43190.223761574074</c:v>
                </c:pt>
                <c:pt idx="1027">
                  <c:v>43190.182129629633</c:v>
                </c:pt>
                <c:pt idx="1028">
                  <c:v>43190.140497685185</c:v>
                </c:pt>
                <c:pt idx="1029">
                  <c:v>43190.098865740743</c:v>
                </c:pt>
                <c:pt idx="1030">
                  <c:v>43190.015613425923</c:v>
                </c:pt>
                <c:pt idx="1031">
                  <c:v>43189.973981481482</c:v>
                </c:pt>
                <c:pt idx="1032">
                  <c:v>43189.932372685187</c:v>
                </c:pt>
                <c:pt idx="1033">
                  <c:v>43189.890729166669</c:v>
                </c:pt>
                <c:pt idx="1034">
                  <c:v>43189.849085648151</c:v>
                </c:pt>
                <c:pt idx="1035">
                  <c:v>43189.807453703703</c:v>
                </c:pt>
                <c:pt idx="1036">
                  <c:v>43189.765821759262</c:v>
                </c:pt>
                <c:pt idx="1037">
                  <c:v>43189.72420138889</c:v>
                </c:pt>
                <c:pt idx="1038">
                  <c:v>43189.682569444441</c:v>
                </c:pt>
                <c:pt idx="1039">
                  <c:v>43189.640925925924</c:v>
                </c:pt>
                <c:pt idx="1040">
                  <c:v>43189.599293981482</c:v>
                </c:pt>
                <c:pt idx="1041">
                  <c:v>43189.557650462964</c:v>
                </c:pt>
                <c:pt idx="1042">
                  <c:v>43189.516018518516</c:v>
                </c:pt>
                <c:pt idx="1043">
                  <c:v>43189.474398148152</c:v>
                </c:pt>
                <c:pt idx="1044">
                  <c:v>43189.43277777778</c:v>
                </c:pt>
                <c:pt idx="1045">
                  <c:v>43189.391168981485</c:v>
                </c:pt>
                <c:pt idx="1046">
                  <c:v>43189.349548611113</c:v>
                </c:pt>
                <c:pt idx="1047">
                  <c:v>43189.307905092595</c:v>
                </c:pt>
                <c:pt idx="1048">
                  <c:v>43189.224664351852</c:v>
                </c:pt>
                <c:pt idx="1049">
                  <c:v>43189.183113425926</c:v>
                </c:pt>
                <c:pt idx="1050">
                  <c:v>43189.141504629632</c:v>
                </c:pt>
                <c:pt idx="1051">
                  <c:v>43189.099872685183</c:v>
                </c:pt>
                <c:pt idx="1052">
                  <c:v>43189.058229166665</c:v>
                </c:pt>
                <c:pt idx="1053">
                  <c:v>43189.016712962963</c:v>
                </c:pt>
                <c:pt idx="1054">
                  <c:v>43188.975092592591</c:v>
                </c:pt>
                <c:pt idx="1055">
                  <c:v>43188.933483796296</c:v>
                </c:pt>
                <c:pt idx="1056">
                  <c:v>43188.850300925929</c:v>
                </c:pt>
                <c:pt idx="1057">
                  <c:v>43188.808715277781</c:v>
                </c:pt>
                <c:pt idx="1058">
                  <c:v>43188.767152777778</c:v>
                </c:pt>
                <c:pt idx="1059">
                  <c:v>43188.72552083333</c:v>
                </c:pt>
                <c:pt idx="1060">
                  <c:v>43188.683877314812</c:v>
                </c:pt>
                <c:pt idx="1061">
                  <c:v>43188.642268518517</c:v>
                </c:pt>
                <c:pt idx="1062">
                  <c:v>43188.600636574076</c:v>
                </c:pt>
                <c:pt idx="1063">
                  <c:v>43188.517442129632</c:v>
                </c:pt>
                <c:pt idx="1064">
                  <c:v>43188.475810185184</c:v>
                </c:pt>
                <c:pt idx="1065">
                  <c:v>43188.434212962966</c:v>
                </c:pt>
                <c:pt idx="1066">
                  <c:v>43188.392604166664</c:v>
                </c:pt>
                <c:pt idx="1067">
                  <c:v>43188.350960648146</c:v>
                </c:pt>
                <c:pt idx="1068">
                  <c:v>43188.309317129628</c:v>
                </c:pt>
                <c:pt idx="1069">
                  <c:v>43188.267743055556</c:v>
                </c:pt>
                <c:pt idx="1070">
                  <c:v>43188.226111111115</c:v>
                </c:pt>
                <c:pt idx="1071">
                  <c:v>43188.184687499997</c:v>
                </c:pt>
                <c:pt idx="1072">
                  <c:v>43188.143171296295</c:v>
                </c:pt>
                <c:pt idx="1073">
                  <c:v>43188.101574074077</c:v>
                </c:pt>
                <c:pt idx="1074">
                  <c:v>43188.059942129628</c:v>
                </c:pt>
                <c:pt idx="1075">
                  <c:v>43188.018333333333</c:v>
                </c:pt>
                <c:pt idx="1076">
                  <c:v>43187.976689814815</c:v>
                </c:pt>
                <c:pt idx="1077">
                  <c:v>43187.935057870367</c:v>
                </c:pt>
                <c:pt idx="1078">
                  <c:v>43187.893414351849</c:v>
                </c:pt>
                <c:pt idx="1079">
                  <c:v>43187.851805555554</c:v>
                </c:pt>
                <c:pt idx="1080">
                  <c:v>43187.810173611113</c:v>
                </c:pt>
                <c:pt idx="1081">
                  <c:v>43187.768553240741</c:v>
                </c:pt>
                <c:pt idx="1082">
                  <c:v>43187.72693287037</c:v>
                </c:pt>
                <c:pt idx="1083">
                  <c:v>43187.685324074075</c:v>
                </c:pt>
                <c:pt idx="1084">
                  <c:v>43187.643761574072</c:v>
                </c:pt>
                <c:pt idx="1085">
                  <c:v>43187.602129629631</c:v>
                </c:pt>
                <c:pt idx="1086">
                  <c:v>43187.560578703706</c:v>
                </c:pt>
                <c:pt idx="1087">
                  <c:v>43187.518935185188</c:v>
                </c:pt>
                <c:pt idx="1088">
                  <c:v>43187.477303240739</c:v>
                </c:pt>
                <c:pt idx="1089">
                  <c:v>43187.435671296298</c:v>
                </c:pt>
                <c:pt idx="1090">
                  <c:v>43187.39403935185</c:v>
                </c:pt>
                <c:pt idx="1091">
                  <c:v>43187.352395833332</c:v>
                </c:pt>
                <c:pt idx="1092">
                  <c:v>43187.310810185183</c:v>
                </c:pt>
                <c:pt idx="1093">
                  <c:v>43187.269259259258</c:v>
                </c:pt>
                <c:pt idx="1094">
                  <c:v>43187.22760416667</c:v>
                </c:pt>
                <c:pt idx="1095">
                  <c:v>43187.185972222222</c:v>
                </c:pt>
                <c:pt idx="1096">
                  <c:v>43187.14435185185</c:v>
                </c:pt>
                <c:pt idx="1097">
                  <c:v>43187.102731481478</c:v>
                </c:pt>
                <c:pt idx="1098">
                  <c:v>43187.061099537037</c:v>
                </c:pt>
                <c:pt idx="1099">
                  <c:v>43187.019479166665</c:v>
                </c:pt>
                <c:pt idx="1100">
                  <c:v>43186.977847222224</c:v>
                </c:pt>
                <c:pt idx="1101">
                  <c:v>43186.936226851853</c:v>
                </c:pt>
                <c:pt idx="1102">
                  <c:v>43186.894606481481</c:v>
                </c:pt>
                <c:pt idx="1103">
                  <c:v>43186.853009259263</c:v>
                </c:pt>
                <c:pt idx="1104">
                  <c:v>43186.811400462961</c:v>
                </c:pt>
                <c:pt idx="1105">
                  <c:v>43186.769768518519</c:v>
                </c:pt>
                <c:pt idx="1106">
                  <c:v>43186.728125000001</c:v>
                </c:pt>
                <c:pt idx="1107">
                  <c:v>43186.686516203707</c:v>
                </c:pt>
                <c:pt idx="1108">
                  <c:v>43186.644884259258</c:v>
                </c:pt>
                <c:pt idx="1109">
                  <c:v>43186.603263888886</c:v>
                </c:pt>
                <c:pt idx="1110">
                  <c:v>43186.561620370368</c:v>
                </c:pt>
                <c:pt idx="1111">
                  <c:v>43186.519988425927</c:v>
                </c:pt>
                <c:pt idx="1112">
                  <c:v>43186.478344907409</c:v>
                </c:pt>
                <c:pt idx="1113">
                  <c:v>43186.436724537038</c:v>
                </c:pt>
                <c:pt idx="1114">
                  <c:v>43186.395092592589</c:v>
                </c:pt>
                <c:pt idx="1115">
                  <c:v>43186.353460648148</c:v>
                </c:pt>
                <c:pt idx="1116">
                  <c:v>43186.311840277776</c:v>
                </c:pt>
                <c:pt idx="1117">
                  <c:v>43186.270208333335</c:v>
                </c:pt>
                <c:pt idx="1118">
                  <c:v>43186.228587962964</c:v>
                </c:pt>
                <c:pt idx="1119">
                  <c:v>43186.186990740738</c:v>
                </c:pt>
                <c:pt idx="1120">
                  <c:v>43186.145370370374</c:v>
                </c:pt>
                <c:pt idx="1121">
                  <c:v>43186.103750000002</c:v>
                </c:pt>
                <c:pt idx="1122">
                  <c:v>43186.020497685182</c:v>
                </c:pt>
                <c:pt idx="1123">
                  <c:v>43185.9372337963</c:v>
                </c:pt>
                <c:pt idx="1124">
                  <c:v>43185.895624999997</c:v>
                </c:pt>
                <c:pt idx="1125">
                  <c:v>43185.853993055556</c:v>
                </c:pt>
                <c:pt idx="1126">
                  <c:v>43185.812361111108</c:v>
                </c:pt>
                <c:pt idx="1127">
                  <c:v>43185.77071759259</c:v>
                </c:pt>
                <c:pt idx="1128">
                  <c:v>43185.729120370372</c:v>
                </c:pt>
                <c:pt idx="1129">
                  <c:v>43185.687511574077</c:v>
                </c:pt>
                <c:pt idx="1130">
                  <c:v>43185.645902777775</c:v>
                </c:pt>
              </c:numCache>
            </c:numRef>
          </c:xVal>
          <c:yVal>
            <c:numRef>
              <c:f>グラフ!$H$6:$H$1136</c:f>
              <c:numCache>
                <c:formatCode>General</c:formatCode>
                <c:ptCount val="1131"/>
                <c:pt idx="0">
                  <c:v>23.3</c:v>
                </c:pt>
                <c:pt idx="1">
                  <c:v>23</c:v>
                </c:pt>
                <c:pt idx="2">
                  <c:v>22.5</c:v>
                </c:pt>
                <c:pt idx="3">
                  <c:v>22.5</c:v>
                </c:pt>
                <c:pt idx="4">
                  <c:v>22.5</c:v>
                </c:pt>
                <c:pt idx="5">
                  <c:v>22.7</c:v>
                </c:pt>
                <c:pt idx="6">
                  <c:v>22.9</c:v>
                </c:pt>
                <c:pt idx="7">
                  <c:v>22.9</c:v>
                </c:pt>
                <c:pt idx="8">
                  <c:v>22.9</c:v>
                </c:pt>
                <c:pt idx="9">
                  <c:v>22.9</c:v>
                </c:pt>
                <c:pt idx="10">
                  <c:v>23</c:v>
                </c:pt>
                <c:pt idx="11">
                  <c:v>23.2</c:v>
                </c:pt>
                <c:pt idx="12">
                  <c:v>23.2</c:v>
                </c:pt>
                <c:pt idx="13">
                  <c:v>23.2</c:v>
                </c:pt>
                <c:pt idx="14">
                  <c:v>23.5</c:v>
                </c:pt>
                <c:pt idx="15">
                  <c:v>23.7</c:v>
                </c:pt>
                <c:pt idx="16">
                  <c:v>23.7</c:v>
                </c:pt>
                <c:pt idx="17">
                  <c:v>23.7</c:v>
                </c:pt>
                <c:pt idx="18">
                  <c:v>23.8</c:v>
                </c:pt>
                <c:pt idx="19">
                  <c:v>23.8</c:v>
                </c:pt>
                <c:pt idx="20">
                  <c:v>24</c:v>
                </c:pt>
                <c:pt idx="21">
                  <c:v>24.1</c:v>
                </c:pt>
                <c:pt idx="22">
                  <c:v>24.3</c:v>
                </c:pt>
                <c:pt idx="23">
                  <c:v>24.3</c:v>
                </c:pt>
                <c:pt idx="24">
                  <c:v>24.8</c:v>
                </c:pt>
                <c:pt idx="25">
                  <c:v>25.7</c:v>
                </c:pt>
                <c:pt idx="26">
                  <c:v>25.9</c:v>
                </c:pt>
                <c:pt idx="27">
                  <c:v>25.9</c:v>
                </c:pt>
                <c:pt idx="28">
                  <c:v>25.9</c:v>
                </c:pt>
                <c:pt idx="29">
                  <c:v>25.9</c:v>
                </c:pt>
                <c:pt idx="30">
                  <c:v>25.7</c:v>
                </c:pt>
                <c:pt idx="31">
                  <c:v>25.7</c:v>
                </c:pt>
                <c:pt idx="32">
                  <c:v>25.7</c:v>
                </c:pt>
                <c:pt idx="33">
                  <c:v>25.7</c:v>
                </c:pt>
                <c:pt idx="34">
                  <c:v>25.9</c:v>
                </c:pt>
                <c:pt idx="35">
                  <c:v>26.2</c:v>
                </c:pt>
                <c:pt idx="36">
                  <c:v>26.4</c:v>
                </c:pt>
                <c:pt idx="37">
                  <c:v>26.7</c:v>
                </c:pt>
                <c:pt idx="38">
                  <c:v>26.9</c:v>
                </c:pt>
                <c:pt idx="39">
                  <c:v>27</c:v>
                </c:pt>
                <c:pt idx="40">
                  <c:v>27</c:v>
                </c:pt>
                <c:pt idx="41">
                  <c:v>26.9</c:v>
                </c:pt>
                <c:pt idx="42">
                  <c:v>26.4</c:v>
                </c:pt>
                <c:pt idx="43">
                  <c:v>25.6</c:v>
                </c:pt>
                <c:pt idx="44">
                  <c:v>25.3</c:v>
                </c:pt>
                <c:pt idx="45">
                  <c:v>24.3</c:v>
                </c:pt>
                <c:pt idx="46">
                  <c:v>23.7</c:v>
                </c:pt>
                <c:pt idx="47">
                  <c:v>23.5</c:v>
                </c:pt>
                <c:pt idx="48">
                  <c:v>21.6</c:v>
                </c:pt>
                <c:pt idx="49">
                  <c:v>20.6</c:v>
                </c:pt>
                <c:pt idx="50">
                  <c:v>20.3</c:v>
                </c:pt>
                <c:pt idx="51">
                  <c:v>20.5</c:v>
                </c:pt>
                <c:pt idx="52">
                  <c:v>21.1</c:v>
                </c:pt>
                <c:pt idx="53">
                  <c:v>20.6</c:v>
                </c:pt>
                <c:pt idx="54">
                  <c:v>20.8</c:v>
                </c:pt>
                <c:pt idx="55">
                  <c:v>21.1</c:v>
                </c:pt>
                <c:pt idx="56">
                  <c:v>21.4</c:v>
                </c:pt>
                <c:pt idx="57">
                  <c:v>21.7</c:v>
                </c:pt>
                <c:pt idx="58">
                  <c:v>22.1</c:v>
                </c:pt>
                <c:pt idx="59">
                  <c:v>22.4</c:v>
                </c:pt>
                <c:pt idx="60">
                  <c:v>22.7</c:v>
                </c:pt>
                <c:pt idx="61">
                  <c:v>23</c:v>
                </c:pt>
                <c:pt idx="62">
                  <c:v>23.2</c:v>
                </c:pt>
                <c:pt idx="63">
                  <c:v>23.2</c:v>
                </c:pt>
                <c:pt idx="64">
                  <c:v>23.3</c:v>
                </c:pt>
                <c:pt idx="65">
                  <c:v>22.4</c:v>
                </c:pt>
                <c:pt idx="66">
                  <c:v>22.1</c:v>
                </c:pt>
                <c:pt idx="67">
                  <c:v>20.5</c:v>
                </c:pt>
                <c:pt idx="68">
                  <c:v>19.3</c:v>
                </c:pt>
                <c:pt idx="69">
                  <c:v>18.399999999999999</c:v>
                </c:pt>
                <c:pt idx="70">
                  <c:v>18.100000000000001</c:v>
                </c:pt>
                <c:pt idx="71">
                  <c:v>18.2</c:v>
                </c:pt>
                <c:pt idx="72">
                  <c:v>16.3</c:v>
                </c:pt>
                <c:pt idx="73">
                  <c:v>15.8</c:v>
                </c:pt>
                <c:pt idx="74">
                  <c:v>15.7</c:v>
                </c:pt>
                <c:pt idx="75">
                  <c:v>16.100000000000001</c:v>
                </c:pt>
                <c:pt idx="76">
                  <c:v>16.600000000000001</c:v>
                </c:pt>
                <c:pt idx="77">
                  <c:v>16.899999999999999</c:v>
                </c:pt>
                <c:pt idx="78">
                  <c:v>17.100000000000001</c:v>
                </c:pt>
                <c:pt idx="79">
                  <c:v>17.100000000000001</c:v>
                </c:pt>
                <c:pt idx="80">
                  <c:v>17.3</c:v>
                </c:pt>
                <c:pt idx="81">
                  <c:v>17.399999999999999</c:v>
                </c:pt>
                <c:pt idx="82">
                  <c:v>17.600000000000001</c:v>
                </c:pt>
                <c:pt idx="83">
                  <c:v>17.7</c:v>
                </c:pt>
                <c:pt idx="84">
                  <c:v>18.2</c:v>
                </c:pt>
                <c:pt idx="85">
                  <c:v>18.7</c:v>
                </c:pt>
                <c:pt idx="86">
                  <c:v>19</c:v>
                </c:pt>
                <c:pt idx="87">
                  <c:v>19.2</c:v>
                </c:pt>
                <c:pt idx="88">
                  <c:v>19</c:v>
                </c:pt>
                <c:pt idx="89">
                  <c:v>18.5</c:v>
                </c:pt>
                <c:pt idx="90">
                  <c:v>18.2</c:v>
                </c:pt>
                <c:pt idx="91">
                  <c:v>17.899999999999999</c:v>
                </c:pt>
                <c:pt idx="92">
                  <c:v>17.600000000000001</c:v>
                </c:pt>
                <c:pt idx="93">
                  <c:v>17.3</c:v>
                </c:pt>
                <c:pt idx="94">
                  <c:v>16.899999999999999</c:v>
                </c:pt>
                <c:pt idx="95">
                  <c:v>16.899999999999999</c:v>
                </c:pt>
                <c:pt idx="96">
                  <c:v>16.8</c:v>
                </c:pt>
                <c:pt idx="97">
                  <c:v>16.899999999999999</c:v>
                </c:pt>
                <c:pt idx="98">
                  <c:v>17.100000000000001</c:v>
                </c:pt>
                <c:pt idx="99">
                  <c:v>17.399999999999999</c:v>
                </c:pt>
                <c:pt idx="100">
                  <c:v>17.600000000000001</c:v>
                </c:pt>
                <c:pt idx="101">
                  <c:v>17.7</c:v>
                </c:pt>
                <c:pt idx="102">
                  <c:v>17.7</c:v>
                </c:pt>
                <c:pt idx="103">
                  <c:v>17.7</c:v>
                </c:pt>
                <c:pt idx="104">
                  <c:v>17.7</c:v>
                </c:pt>
                <c:pt idx="105">
                  <c:v>17.7</c:v>
                </c:pt>
                <c:pt idx="106">
                  <c:v>17.7</c:v>
                </c:pt>
                <c:pt idx="107">
                  <c:v>17.7</c:v>
                </c:pt>
                <c:pt idx="108">
                  <c:v>17.7</c:v>
                </c:pt>
                <c:pt idx="109">
                  <c:v>17.899999999999999</c:v>
                </c:pt>
                <c:pt idx="110">
                  <c:v>17.7</c:v>
                </c:pt>
                <c:pt idx="111">
                  <c:v>17.7</c:v>
                </c:pt>
                <c:pt idx="112">
                  <c:v>17.600000000000001</c:v>
                </c:pt>
                <c:pt idx="113">
                  <c:v>17.600000000000001</c:v>
                </c:pt>
                <c:pt idx="114">
                  <c:v>18.2</c:v>
                </c:pt>
                <c:pt idx="115">
                  <c:v>18.5</c:v>
                </c:pt>
                <c:pt idx="116">
                  <c:v>18.7</c:v>
                </c:pt>
                <c:pt idx="117">
                  <c:v>18.7</c:v>
                </c:pt>
                <c:pt idx="118">
                  <c:v>19.2</c:v>
                </c:pt>
                <c:pt idx="119">
                  <c:v>19.3</c:v>
                </c:pt>
                <c:pt idx="120">
                  <c:v>19.7</c:v>
                </c:pt>
                <c:pt idx="121">
                  <c:v>19.7</c:v>
                </c:pt>
                <c:pt idx="122">
                  <c:v>19.5</c:v>
                </c:pt>
                <c:pt idx="123">
                  <c:v>19.3</c:v>
                </c:pt>
                <c:pt idx="124">
                  <c:v>18.899999999999999</c:v>
                </c:pt>
                <c:pt idx="125">
                  <c:v>18.2</c:v>
                </c:pt>
                <c:pt idx="126">
                  <c:v>18.399999999999999</c:v>
                </c:pt>
                <c:pt idx="127">
                  <c:v>18.7</c:v>
                </c:pt>
                <c:pt idx="128">
                  <c:v>19</c:v>
                </c:pt>
                <c:pt idx="129">
                  <c:v>19.3</c:v>
                </c:pt>
                <c:pt idx="130">
                  <c:v>19.5</c:v>
                </c:pt>
                <c:pt idx="131">
                  <c:v>19.7</c:v>
                </c:pt>
                <c:pt idx="132">
                  <c:v>20</c:v>
                </c:pt>
                <c:pt idx="133">
                  <c:v>20.5</c:v>
                </c:pt>
                <c:pt idx="134">
                  <c:v>20.6</c:v>
                </c:pt>
                <c:pt idx="135">
                  <c:v>20.6</c:v>
                </c:pt>
                <c:pt idx="136">
                  <c:v>20.5</c:v>
                </c:pt>
                <c:pt idx="137">
                  <c:v>20.9</c:v>
                </c:pt>
                <c:pt idx="138">
                  <c:v>20.5</c:v>
                </c:pt>
                <c:pt idx="139">
                  <c:v>20.3</c:v>
                </c:pt>
                <c:pt idx="140">
                  <c:v>19.5</c:v>
                </c:pt>
                <c:pt idx="141">
                  <c:v>18.899999999999999</c:v>
                </c:pt>
                <c:pt idx="142">
                  <c:v>18.399999999999999</c:v>
                </c:pt>
                <c:pt idx="143">
                  <c:v>18.5</c:v>
                </c:pt>
                <c:pt idx="144">
                  <c:v>16.8</c:v>
                </c:pt>
                <c:pt idx="145">
                  <c:v>14.9</c:v>
                </c:pt>
                <c:pt idx="146">
                  <c:v>14.7</c:v>
                </c:pt>
                <c:pt idx="147">
                  <c:v>14.9</c:v>
                </c:pt>
                <c:pt idx="148">
                  <c:v>15.2</c:v>
                </c:pt>
                <c:pt idx="149">
                  <c:v>15.3</c:v>
                </c:pt>
                <c:pt idx="150">
                  <c:v>15.7</c:v>
                </c:pt>
                <c:pt idx="151">
                  <c:v>16</c:v>
                </c:pt>
                <c:pt idx="152">
                  <c:v>16.5</c:v>
                </c:pt>
                <c:pt idx="153">
                  <c:v>16.8</c:v>
                </c:pt>
                <c:pt idx="154">
                  <c:v>17.100000000000001</c:v>
                </c:pt>
                <c:pt idx="155">
                  <c:v>17.399999999999999</c:v>
                </c:pt>
                <c:pt idx="156">
                  <c:v>17.899999999999999</c:v>
                </c:pt>
                <c:pt idx="157">
                  <c:v>18.399999999999999</c:v>
                </c:pt>
                <c:pt idx="158">
                  <c:v>18.5</c:v>
                </c:pt>
                <c:pt idx="159">
                  <c:v>18.399999999999999</c:v>
                </c:pt>
                <c:pt idx="160">
                  <c:v>18.100000000000001</c:v>
                </c:pt>
                <c:pt idx="161">
                  <c:v>17.600000000000001</c:v>
                </c:pt>
                <c:pt idx="162">
                  <c:v>17.3</c:v>
                </c:pt>
                <c:pt idx="163">
                  <c:v>16.5</c:v>
                </c:pt>
                <c:pt idx="164">
                  <c:v>16</c:v>
                </c:pt>
                <c:pt idx="165">
                  <c:v>15</c:v>
                </c:pt>
                <c:pt idx="166">
                  <c:v>14.4</c:v>
                </c:pt>
                <c:pt idx="167">
                  <c:v>14.5</c:v>
                </c:pt>
                <c:pt idx="168">
                  <c:v>12.6</c:v>
                </c:pt>
                <c:pt idx="169">
                  <c:v>11</c:v>
                </c:pt>
                <c:pt idx="170">
                  <c:v>10.7</c:v>
                </c:pt>
                <c:pt idx="171">
                  <c:v>10.9</c:v>
                </c:pt>
                <c:pt idx="172">
                  <c:v>11.2</c:v>
                </c:pt>
                <c:pt idx="173">
                  <c:v>11.5</c:v>
                </c:pt>
                <c:pt idx="174">
                  <c:v>11.7</c:v>
                </c:pt>
                <c:pt idx="175">
                  <c:v>12.1</c:v>
                </c:pt>
                <c:pt idx="176">
                  <c:v>12.5</c:v>
                </c:pt>
                <c:pt idx="177">
                  <c:v>12.9</c:v>
                </c:pt>
                <c:pt idx="178">
                  <c:v>13.3</c:v>
                </c:pt>
                <c:pt idx="179">
                  <c:v>13.4</c:v>
                </c:pt>
                <c:pt idx="180">
                  <c:v>13.9</c:v>
                </c:pt>
                <c:pt idx="181">
                  <c:v>14.2</c:v>
                </c:pt>
                <c:pt idx="182">
                  <c:v>14.4</c:v>
                </c:pt>
                <c:pt idx="183">
                  <c:v>14.1</c:v>
                </c:pt>
                <c:pt idx="184">
                  <c:v>13.9</c:v>
                </c:pt>
                <c:pt idx="185">
                  <c:v>13.7</c:v>
                </c:pt>
                <c:pt idx="186">
                  <c:v>13.6</c:v>
                </c:pt>
                <c:pt idx="187">
                  <c:v>14.2</c:v>
                </c:pt>
                <c:pt idx="188">
                  <c:v>13.7</c:v>
                </c:pt>
                <c:pt idx="189">
                  <c:v>13.7</c:v>
                </c:pt>
                <c:pt idx="190">
                  <c:v>13.7</c:v>
                </c:pt>
                <c:pt idx="191">
                  <c:v>14.1</c:v>
                </c:pt>
                <c:pt idx="192">
                  <c:v>13.9</c:v>
                </c:pt>
                <c:pt idx="193">
                  <c:v>13.4</c:v>
                </c:pt>
                <c:pt idx="194">
                  <c:v>13.7</c:v>
                </c:pt>
                <c:pt idx="195">
                  <c:v>13.7</c:v>
                </c:pt>
                <c:pt idx="196">
                  <c:v>13.9</c:v>
                </c:pt>
                <c:pt idx="197">
                  <c:v>14.1</c:v>
                </c:pt>
                <c:pt idx="198">
                  <c:v>14.2</c:v>
                </c:pt>
                <c:pt idx="199">
                  <c:v>14.2</c:v>
                </c:pt>
                <c:pt idx="200">
                  <c:v>14.4</c:v>
                </c:pt>
                <c:pt idx="201">
                  <c:v>14.5</c:v>
                </c:pt>
                <c:pt idx="202">
                  <c:v>14.5</c:v>
                </c:pt>
                <c:pt idx="203">
                  <c:v>14.7</c:v>
                </c:pt>
                <c:pt idx="204">
                  <c:v>15</c:v>
                </c:pt>
                <c:pt idx="205">
                  <c:v>15.5</c:v>
                </c:pt>
                <c:pt idx="206">
                  <c:v>15.8</c:v>
                </c:pt>
                <c:pt idx="207">
                  <c:v>16</c:v>
                </c:pt>
                <c:pt idx="208">
                  <c:v>16.3</c:v>
                </c:pt>
                <c:pt idx="209">
                  <c:v>16.100000000000001</c:v>
                </c:pt>
                <c:pt idx="210">
                  <c:v>15.7</c:v>
                </c:pt>
                <c:pt idx="211">
                  <c:v>15.7</c:v>
                </c:pt>
                <c:pt idx="212">
                  <c:v>15.3</c:v>
                </c:pt>
                <c:pt idx="213">
                  <c:v>15.3</c:v>
                </c:pt>
                <c:pt idx="214">
                  <c:v>14.9</c:v>
                </c:pt>
                <c:pt idx="215">
                  <c:v>14.5</c:v>
                </c:pt>
                <c:pt idx="216">
                  <c:v>14.4</c:v>
                </c:pt>
                <c:pt idx="217">
                  <c:v>14.2</c:v>
                </c:pt>
                <c:pt idx="218">
                  <c:v>14.2</c:v>
                </c:pt>
                <c:pt idx="219">
                  <c:v>14.4</c:v>
                </c:pt>
                <c:pt idx="220">
                  <c:v>14.5</c:v>
                </c:pt>
                <c:pt idx="221">
                  <c:v>14.5</c:v>
                </c:pt>
                <c:pt idx="222">
                  <c:v>14.5</c:v>
                </c:pt>
                <c:pt idx="223">
                  <c:v>14.4</c:v>
                </c:pt>
                <c:pt idx="224">
                  <c:v>14.5</c:v>
                </c:pt>
                <c:pt idx="225">
                  <c:v>14.9</c:v>
                </c:pt>
                <c:pt idx="226">
                  <c:v>14.7</c:v>
                </c:pt>
                <c:pt idx="227">
                  <c:v>14.7</c:v>
                </c:pt>
                <c:pt idx="228">
                  <c:v>14.9</c:v>
                </c:pt>
                <c:pt idx="229">
                  <c:v>14.9</c:v>
                </c:pt>
                <c:pt idx="230">
                  <c:v>15</c:v>
                </c:pt>
                <c:pt idx="231">
                  <c:v>15.3</c:v>
                </c:pt>
                <c:pt idx="232">
                  <c:v>15.5</c:v>
                </c:pt>
                <c:pt idx="233">
                  <c:v>15.5</c:v>
                </c:pt>
                <c:pt idx="234">
                  <c:v>15.3</c:v>
                </c:pt>
                <c:pt idx="235">
                  <c:v>15</c:v>
                </c:pt>
                <c:pt idx="236">
                  <c:v>14.9</c:v>
                </c:pt>
                <c:pt idx="237">
                  <c:v>14.5</c:v>
                </c:pt>
                <c:pt idx="238">
                  <c:v>14.4</c:v>
                </c:pt>
                <c:pt idx="239">
                  <c:v>14.4</c:v>
                </c:pt>
                <c:pt idx="240">
                  <c:v>14.2</c:v>
                </c:pt>
                <c:pt idx="241">
                  <c:v>14.4</c:v>
                </c:pt>
                <c:pt idx="242">
                  <c:v>14.4</c:v>
                </c:pt>
                <c:pt idx="243">
                  <c:v>14.2</c:v>
                </c:pt>
                <c:pt idx="244">
                  <c:v>14.1</c:v>
                </c:pt>
                <c:pt idx="245">
                  <c:v>14.2</c:v>
                </c:pt>
                <c:pt idx="246">
                  <c:v>14.5</c:v>
                </c:pt>
                <c:pt idx="247">
                  <c:v>14.4</c:v>
                </c:pt>
                <c:pt idx="248">
                  <c:v>14.4</c:v>
                </c:pt>
                <c:pt idx="249">
                  <c:v>14.4</c:v>
                </c:pt>
                <c:pt idx="250">
                  <c:v>14.9</c:v>
                </c:pt>
                <c:pt idx="251">
                  <c:v>14.9</c:v>
                </c:pt>
                <c:pt idx="252">
                  <c:v>14.9</c:v>
                </c:pt>
                <c:pt idx="253">
                  <c:v>14.7</c:v>
                </c:pt>
                <c:pt idx="254">
                  <c:v>14.9</c:v>
                </c:pt>
                <c:pt idx="255">
                  <c:v>15</c:v>
                </c:pt>
                <c:pt idx="256">
                  <c:v>15.3</c:v>
                </c:pt>
                <c:pt idx="257">
                  <c:v>15.3</c:v>
                </c:pt>
                <c:pt idx="258">
                  <c:v>15.5</c:v>
                </c:pt>
                <c:pt idx="259">
                  <c:v>15.3</c:v>
                </c:pt>
                <c:pt idx="260">
                  <c:v>15.3</c:v>
                </c:pt>
                <c:pt idx="261">
                  <c:v>15.3</c:v>
                </c:pt>
                <c:pt idx="262">
                  <c:v>15.3</c:v>
                </c:pt>
                <c:pt idx="263">
                  <c:v>15.3</c:v>
                </c:pt>
                <c:pt idx="264">
                  <c:v>15</c:v>
                </c:pt>
                <c:pt idx="265">
                  <c:v>15.2</c:v>
                </c:pt>
                <c:pt idx="266">
                  <c:v>15.3</c:v>
                </c:pt>
                <c:pt idx="267">
                  <c:v>15.2</c:v>
                </c:pt>
                <c:pt idx="268">
                  <c:v>15.3</c:v>
                </c:pt>
                <c:pt idx="269">
                  <c:v>16</c:v>
                </c:pt>
                <c:pt idx="270">
                  <c:v>16.600000000000001</c:v>
                </c:pt>
                <c:pt idx="271">
                  <c:v>17.600000000000001</c:v>
                </c:pt>
                <c:pt idx="272">
                  <c:v>18.2</c:v>
                </c:pt>
                <c:pt idx="273">
                  <c:v>18.899999999999999</c:v>
                </c:pt>
                <c:pt idx="274">
                  <c:v>19.2</c:v>
                </c:pt>
                <c:pt idx="275">
                  <c:v>19.7</c:v>
                </c:pt>
                <c:pt idx="276">
                  <c:v>20.100000000000001</c:v>
                </c:pt>
                <c:pt idx="277">
                  <c:v>20.6</c:v>
                </c:pt>
                <c:pt idx="278">
                  <c:v>20.9</c:v>
                </c:pt>
                <c:pt idx="279">
                  <c:v>21.6</c:v>
                </c:pt>
                <c:pt idx="280">
                  <c:v>22.1</c:v>
                </c:pt>
                <c:pt idx="281">
                  <c:v>22.9</c:v>
                </c:pt>
                <c:pt idx="282">
                  <c:v>22.9</c:v>
                </c:pt>
                <c:pt idx="283">
                  <c:v>22.9</c:v>
                </c:pt>
                <c:pt idx="284">
                  <c:v>22.1</c:v>
                </c:pt>
                <c:pt idx="285">
                  <c:v>21.1</c:v>
                </c:pt>
                <c:pt idx="286">
                  <c:v>20.100000000000001</c:v>
                </c:pt>
                <c:pt idx="287">
                  <c:v>19.8</c:v>
                </c:pt>
                <c:pt idx="288">
                  <c:v>18.899999999999999</c:v>
                </c:pt>
                <c:pt idx="289">
                  <c:v>17.7</c:v>
                </c:pt>
                <c:pt idx="290">
                  <c:v>16.600000000000001</c:v>
                </c:pt>
                <c:pt idx="291">
                  <c:v>16.100000000000001</c:v>
                </c:pt>
                <c:pt idx="292">
                  <c:v>16.3</c:v>
                </c:pt>
                <c:pt idx="293">
                  <c:v>16.600000000000001</c:v>
                </c:pt>
                <c:pt idx="294">
                  <c:v>16.8</c:v>
                </c:pt>
                <c:pt idx="295">
                  <c:v>16.8</c:v>
                </c:pt>
                <c:pt idx="296">
                  <c:v>16.899999999999999</c:v>
                </c:pt>
                <c:pt idx="297">
                  <c:v>17.100000000000001</c:v>
                </c:pt>
                <c:pt idx="298">
                  <c:v>17.3</c:v>
                </c:pt>
                <c:pt idx="299">
                  <c:v>17.600000000000001</c:v>
                </c:pt>
                <c:pt idx="300">
                  <c:v>18.100000000000001</c:v>
                </c:pt>
                <c:pt idx="301">
                  <c:v>18.2</c:v>
                </c:pt>
                <c:pt idx="302">
                  <c:v>18.7</c:v>
                </c:pt>
                <c:pt idx="303">
                  <c:v>18.899999999999999</c:v>
                </c:pt>
                <c:pt idx="304">
                  <c:v>18.899999999999999</c:v>
                </c:pt>
                <c:pt idx="305">
                  <c:v>18.899999999999999</c:v>
                </c:pt>
                <c:pt idx="306">
                  <c:v>18.5</c:v>
                </c:pt>
                <c:pt idx="307">
                  <c:v>18.399999999999999</c:v>
                </c:pt>
                <c:pt idx="308">
                  <c:v>18.100000000000001</c:v>
                </c:pt>
                <c:pt idx="309">
                  <c:v>17.399999999999999</c:v>
                </c:pt>
                <c:pt idx="310">
                  <c:v>16.899999999999999</c:v>
                </c:pt>
                <c:pt idx="311">
                  <c:v>16.5</c:v>
                </c:pt>
                <c:pt idx="312">
                  <c:v>15.8</c:v>
                </c:pt>
                <c:pt idx="313">
                  <c:v>14.4</c:v>
                </c:pt>
                <c:pt idx="314">
                  <c:v>13.4</c:v>
                </c:pt>
                <c:pt idx="315">
                  <c:v>13.3</c:v>
                </c:pt>
                <c:pt idx="316">
                  <c:v>13.4</c:v>
                </c:pt>
                <c:pt idx="317">
                  <c:v>13.6</c:v>
                </c:pt>
                <c:pt idx="318">
                  <c:v>13.7</c:v>
                </c:pt>
                <c:pt idx="319">
                  <c:v>14.1</c:v>
                </c:pt>
                <c:pt idx="320">
                  <c:v>14.1</c:v>
                </c:pt>
                <c:pt idx="321">
                  <c:v>13.9</c:v>
                </c:pt>
                <c:pt idx="322">
                  <c:v>14.1</c:v>
                </c:pt>
                <c:pt idx="323">
                  <c:v>14.4</c:v>
                </c:pt>
                <c:pt idx="324">
                  <c:v>14.7</c:v>
                </c:pt>
                <c:pt idx="325">
                  <c:v>15.2</c:v>
                </c:pt>
                <c:pt idx="326">
                  <c:v>15.7</c:v>
                </c:pt>
                <c:pt idx="327">
                  <c:v>15.7</c:v>
                </c:pt>
                <c:pt idx="328">
                  <c:v>15.2</c:v>
                </c:pt>
                <c:pt idx="329">
                  <c:v>14.2</c:v>
                </c:pt>
                <c:pt idx="330">
                  <c:v>13.7</c:v>
                </c:pt>
                <c:pt idx="331">
                  <c:v>13.1</c:v>
                </c:pt>
                <c:pt idx="332">
                  <c:v>12.6</c:v>
                </c:pt>
                <c:pt idx="333">
                  <c:v>12.3</c:v>
                </c:pt>
                <c:pt idx="334">
                  <c:v>12.1</c:v>
                </c:pt>
                <c:pt idx="335">
                  <c:v>12</c:v>
                </c:pt>
                <c:pt idx="336">
                  <c:v>12.6</c:v>
                </c:pt>
                <c:pt idx="337">
                  <c:v>13.1</c:v>
                </c:pt>
                <c:pt idx="338">
                  <c:v>12.9</c:v>
                </c:pt>
                <c:pt idx="339">
                  <c:v>12.8</c:v>
                </c:pt>
                <c:pt idx="340">
                  <c:v>13.3</c:v>
                </c:pt>
                <c:pt idx="341">
                  <c:v>14.1</c:v>
                </c:pt>
                <c:pt idx="342">
                  <c:v>14.4</c:v>
                </c:pt>
                <c:pt idx="343">
                  <c:v>14.5</c:v>
                </c:pt>
                <c:pt idx="344">
                  <c:v>14.5</c:v>
                </c:pt>
                <c:pt idx="345">
                  <c:v>14.9</c:v>
                </c:pt>
                <c:pt idx="346">
                  <c:v>15.5</c:v>
                </c:pt>
                <c:pt idx="347">
                  <c:v>15.7</c:v>
                </c:pt>
                <c:pt idx="348">
                  <c:v>16</c:v>
                </c:pt>
                <c:pt idx="349">
                  <c:v>16.100000000000001</c:v>
                </c:pt>
                <c:pt idx="350">
                  <c:v>16.5</c:v>
                </c:pt>
                <c:pt idx="351">
                  <c:v>16.8</c:v>
                </c:pt>
                <c:pt idx="352">
                  <c:v>16.8</c:v>
                </c:pt>
                <c:pt idx="353">
                  <c:v>16.5</c:v>
                </c:pt>
                <c:pt idx="354">
                  <c:v>16.100000000000001</c:v>
                </c:pt>
                <c:pt idx="355">
                  <c:v>16.3</c:v>
                </c:pt>
                <c:pt idx="356">
                  <c:v>16.3</c:v>
                </c:pt>
                <c:pt idx="357">
                  <c:v>16.5</c:v>
                </c:pt>
                <c:pt idx="358">
                  <c:v>16.899999999999999</c:v>
                </c:pt>
                <c:pt idx="359">
                  <c:v>17.3</c:v>
                </c:pt>
                <c:pt idx="360">
                  <c:v>17.600000000000001</c:v>
                </c:pt>
                <c:pt idx="361">
                  <c:v>17.7</c:v>
                </c:pt>
                <c:pt idx="362">
                  <c:v>17.899999999999999</c:v>
                </c:pt>
                <c:pt idx="363">
                  <c:v>18.100000000000001</c:v>
                </c:pt>
                <c:pt idx="364">
                  <c:v>17.7</c:v>
                </c:pt>
                <c:pt idx="365">
                  <c:v>17.7</c:v>
                </c:pt>
                <c:pt idx="366">
                  <c:v>17.3</c:v>
                </c:pt>
                <c:pt idx="367">
                  <c:v>17.3</c:v>
                </c:pt>
                <c:pt idx="368">
                  <c:v>17.600000000000001</c:v>
                </c:pt>
                <c:pt idx="369">
                  <c:v>17.7</c:v>
                </c:pt>
                <c:pt idx="370">
                  <c:v>17.7</c:v>
                </c:pt>
                <c:pt idx="371">
                  <c:v>18.2</c:v>
                </c:pt>
                <c:pt idx="372">
                  <c:v>18.2</c:v>
                </c:pt>
                <c:pt idx="373">
                  <c:v>18.100000000000001</c:v>
                </c:pt>
                <c:pt idx="374">
                  <c:v>18.399999999999999</c:v>
                </c:pt>
                <c:pt idx="375">
                  <c:v>19.8</c:v>
                </c:pt>
                <c:pt idx="376">
                  <c:v>21.4</c:v>
                </c:pt>
                <c:pt idx="377">
                  <c:v>22.5</c:v>
                </c:pt>
                <c:pt idx="378">
                  <c:v>24.3</c:v>
                </c:pt>
                <c:pt idx="379">
                  <c:v>23.7</c:v>
                </c:pt>
                <c:pt idx="380">
                  <c:v>23.2</c:v>
                </c:pt>
                <c:pt idx="381">
                  <c:v>22.9</c:v>
                </c:pt>
                <c:pt idx="382">
                  <c:v>21.9</c:v>
                </c:pt>
                <c:pt idx="383">
                  <c:v>21.1</c:v>
                </c:pt>
                <c:pt idx="384">
                  <c:v>19.7</c:v>
                </c:pt>
                <c:pt idx="385">
                  <c:v>19</c:v>
                </c:pt>
                <c:pt idx="386">
                  <c:v>17.3</c:v>
                </c:pt>
                <c:pt idx="387">
                  <c:v>17.3</c:v>
                </c:pt>
                <c:pt idx="388">
                  <c:v>17.600000000000001</c:v>
                </c:pt>
                <c:pt idx="389">
                  <c:v>17.899999999999999</c:v>
                </c:pt>
                <c:pt idx="390">
                  <c:v>18.100000000000001</c:v>
                </c:pt>
                <c:pt idx="391">
                  <c:v>18.399999999999999</c:v>
                </c:pt>
                <c:pt idx="392">
                  <c:v>18.5</c:v>
                </c:pt>
                <c:pt idx="393">
                  <c:v>19</c:v>
                </c:pt>
                <c:pt idx="394">
                  <c:v>19.3</c:v>
                </c:pt>
                <c:pt idx="395">
                  <c:v>19.5</c:v>
                </c:pt>
                <c:pt idx="396">
                  <c:v>19.3</c:v>
                </c:pt>
                <c:pt idx="397">
                  <c:v>19.8</c:v>
                </c:pt>
                <c:pt idx="398">
                  <c:v>20</c:v>
                </c:pt>
                <c:pt idx="399">
                  <c:v>20.100000000000001</c:v>
                </c:pt>
                <c:pt idx="400">
                  <c:v>21.9</c:v>
                </c:pt>
                <c:pt idx="401">
                  <c:v>23</c:v>
                </c:pt>
                <c:pt idx="402">
                  <c:v>23.3</c:v>
                </c:pt>
                <c:pt idx="403">
                  <c:v>23</c:v>
                </c:pt>
                <c:pt idx="404">
                  <c:v>23</c:v>
                </c:pt>
                <c:pt idx="405">
                  <c:v>22.5</c:v>
                </c:pt>
                <c:pt idx="406">
                  <c:v>21.7</c:v>
                </c:pt>
                <c:pt idx="407">
                  <c:v>21.1</c:v>
                </c:pt>
                <c:pt idx="408">
                  <c:v>20.6</c:v>
                </c:pt>
                <c:pt idx="409">
                  <c:v>19.7</c:v>
                </c:pt>
                <c:pt idx="410">
                  <c:v>19</c:v>
                </c:pt>
                <c:pt idx="411">
                  <c:v>18.899999999999999</c:v>
                </c:pt>
                <c:pt idx="412">
                  <c:v>19</c:v>
                </c:pt>
                <c:pt idx="413">
                  <c:v>19.3</c:v>
                </c:pt>
                <c:pt idx="414">
                  <c:v>19.3</c:v>
                </c:pt>
                <c:pt idx="415">
                  <c:v>19.8</c:v>
                </c:pt>
                <c:pt idx="416">
                  <c:v>20.100000000000001</c:v>
                </c:pt>
                <c:pt idx="417">
                  <c:v>20.6</c:v>
                </c:pt>
                <c:pt idx="418">
                  <c:v>21.1</c:v>
                </c:pt>
                <c:pt idx="419">
                  <c:v>21.9</c:v>
                </c:pt>
                <c:pt idx="420">
                  <c:v>22.4</c:v>
                </c:pt>
                <c:pt idx="421">
                  <c:v>22.9</c:v>
                </c:pt>
                <c:pt idx="422">
                  <c:v>23.2</c:v>
                </c:pt>
                <c:pt idx="423">
                  <c:v>23.5</c:v>
                </c:pt>
                <c:pt idx="424">
                  <c:v>23.7</c:v>
                </c:pt>
                <c:pt idx="425">
                  <c:v>23.5</c:v>
                </c:pt>
                <c:pt idx="426">
                  <c:v>23.5</c:v>
                </c:pt>
                <c:pt idx="427">
                  <c:v>23.7</c:v>
                </c:pt>
                <c:pt idx="428">
                  <c:v>23.2</c:v>
                </c:pt>
                <c:pt idx="429">
                  <c:v>22.5</c:v>
                </c:pt>
                <c:pt idx="430">
                  <c:v>22.5</c:v>
                </c:pt>
                <c:pt idx="431">
                  <c:v>21.7</c:v>
                </c:pt>
                <c:pt idx="432">
                  <c:v>21.3</c:v>
                </c:pt>
                <c:pt idx="433">
                  <c:v>21.1</c:v>
                </c:pt>
                <c:pt idx="434">
                  <c:v>19.8</c:v>
                </c:pt>
                <c:pt idx="435">
                  <c:v>19.3</c:v>
                </c:pt>
                <c:pt idx="436">
                  <c:v>19.5</c:v>
                </c:pt>
                <c:pt idx="437">
                  <c:v>19.8</c:v>
                </c:pt>
                <c:pt idx="438">
                  <c:v>20</c:v>
                </c:pt>
                <c:pt idx="439">
                  <c:v>20</c:v>
                </c:pt>
                <c:pt idx="440">
                  <c:v>20.100000000000001</c:v>
                </c:pt>
                <c:pt idx="441">
                  <c:v>20.5</c:v>
                </c:pt>
                <c:pt idx="442">
                  <c:v>20.6</c:v>
                </c:pt>
                <c:pt idx="443">
                  <c:v>20.3</c:v>
                </c:pt>
                <c:pt idx="444">
                  <c:v>20.8</c:v>
                </c:pt>
                <c:pt idx="445">
                  <c:v>21.3</c:v>
                </c:pt>
                <c:pt idx="446">
                  <c:v>21.9</c:v>
                </c:pt>
                <c:pt idx="447">
                  <c:v>22.5</c:v>
                </c:pt>
                <c:pt idx="448">
                  <c:v>22.7</c:v>
                </c:pt>
                <c:pt idx="449">
                  <c:v>22.4</c:v>
                </c:pt>
                <c:pt idx="450">
                  <c:v>22.4</c:v>
                </c:pt>
                <c:pt idx="451">
                  <c:v>22.5</c:v>
                </c:pt>
                <c:pt idx="452">
                  <c:v>20.9</c:v>
                </c:pt>
                <c:pt idx="453">
                  <c:v>20.100000000000001</c:v>
                </c:pt>
                <c:pt idx="454">
                  <c:v>19.7</c:v>
                </c:pt>
                <c:pt idx="455">
                  <c:v>19.2</c:v>
                </c:pt>
                <c:pt idx="456">
                  <c:v>18.7</c:v>
                </c:pt>
                <c:pt idx="457">
                  <c:v>18.100000000000001</c:v>
                </c:pt>
                <c:pt idx="458">
                  <c:v>15.8</c:v>
                </c:pt>
                <c:pt idx="459">
                  <c:v>15.2</c:v>
                </c:pt>
                <c:pt idx="460">
                  <c:v>14.7</c:v>
                </c:pt>
                <c:pt idx="461">
                  <c:v>14.9</c:v>
                </c:pt>
                <c:pt idx="462">
                  <c:v>15</c:v>
                </c:pt>
                <c:pt idx="463">
                  <c:v>15.2</c:v>
                </c:pt>
                <c:pt idx="464">
                  <c:v>15.3</c:v>
                </c:pt>
                <c:pt idx="465">
                  <c:v>15.7</c:v>
                </c:pt>
                <c:pt idx="466">
                  <c:v>16</c:v>
                </c:pt>
                <c:pt idx="467">
                  <c:v>16.3</c:v>
                </c:pt>
                <c:pt idx="468">
                  <c:v>16.5</c:v>
                </c:pt>
                <c:pt idx="469">
                  <c:v>16.899999999999999</c:v>
                </c:pt>
                <c:pt idx="470">
                  <c:v>17.3</c:v>
                </c:pt>
                <c:pt idx="471">
                  <c:v>17.7</c:v>
                </c:pt>
                <c:pt idx="472">
                  <c:v>17.899999999999999</c:v>
                </c:pt>
                <c:pt idx="473">
                  <c:v>17.899999999999999</c:v>
                </c:pt>
                <c:pt idx="474">
                  <c:v>17.7</c:v>
                </c:pt>
                <c:pt idx="475">
                  <c:v>17.7</c:v>
                </c:pt>
                <c:pt idx="476">
                  <c:v>16.600000000000001</c:v>
                </c:pt>
                <c:pt idx="477">
                  <c:v>16.3</c:v>
                </c:pt>
                <c:pt idx="478">
                  <c:v>15.7</c:v>
                </c:pt>
                <c:pt idx="479">
                  <c:v>15.3</c:v>
                </c:pt>
                <c:pt idx="480">
                  <c:v>14.7</c:v>
                </c:pt>
                <c:pt idx="481">
                  <c:v>14.9</c:v>
                </c:pt>
                <c:pt idx="482">
                  <c:v>14.4</c:v>
                </c:pt>
                <c:pt idx="483">
                  <c:v>14.5</c:v>
                </c:pt>
                <c:pt idx="484">
                  <c:v>14.9</c:v>
                </c:pt>
                <c:pt idx="485">
                  <c:v>15.3</c:v>
                </c:pt>
                <c:pt idx="486">
                  <c:v>15.3</c:v>
                </c:pt>
                <c:pt idx="487">
                  <c:v>15.7</c:v>
                </c:pt>
                <c:pt idx="488">
                  <c:v>16</c:v>
                </c:pt>
                <c:pt idx="489">
                  <c:v>16.5</c:v>
                </c:pt>
                <c:pt idx="490">
                  <c:v>16.600000000000001</c:v>
                </c:pt>
                <c:pt idx="491">
                  <c:v>16.899999999999999</c:v>
                </c:pt>
                <c:pt idx="492">
                  <c:v>17.399999999999999</c:v>
                </c:pt>
                <c:pt idx="493">
                  <c:v>17.7</c:v>
                </c:pt>
                <c:pt idx="494">
                  <c:v>18.2</c:v>
                </c:pt>
                <c:pt idx="495">
                  <c:v>18.5</c:v>
                </c:pt>
                <c:pt idx="496">
                  <c:v>18.7</c:v>
                </c:pt>
                <c:pt idx="497">
                  <c:v>18.899999999999999</c:v>
                </c:pt>
                <c:pt idx="498">
                  <c:v>18.5</c:v>
                </c:pt>
                <c:pt idx="499">
                  <c:v>17.899999999999999</c:v>
                </c:pt>
                <c:pt idx="500">
                  <c:v>17.399999999999999</c:v>
                </c:pt>
                <c:pt idx="501">
                  <c:v>17.3</c:v>
                </c:pt>
                <c:pt idx="502">
                  <c:v>16.899999999999999</c:v>
                </c:pt>
                <c:pt idx="503">
                  <c:v>15.7</c:v>
                </c:pt>
                <c:pt idx="504">
                  <c:v>15</c:v>
                </c:pt>
                <c:pt idx="505">
                  <c:v>14.4</c:v>
                </c:pt>
                <c:pt idx="506">
                  <c:v>14.1</c:v>
                </c:pt>
                <c:pt idx="507">
                  <c:v>13.9</c:v>
                </c:pt>
                <c:pt idx="508">
                  <c:v>13.9</c:v>
                </c:pt>
                <c:pt idx="509">
                  <c:v>14.1</c:v>
                </c:pt>
                <c:pt idx="510">
                  <c:v>14.2</c:v>
                </c:pt>
                <c:pt idx="511">
                  <c:v>14.4</c:v>
                </c:pt>
                <c:pt idx="512">
                  <c:v>14.5</c:v>
                </c:pt>
                <c:pt idx="513">
                  <c:v>14.7</c:v>
                </c:pt>
                <c:pt idx="514">
                  <c:v>14.9</c:v>
                </c:pt>
                <c:pt idx="515">
                  <c:v>15.2</c:v>
                </c:pt>
                <c:pt idx="516">
                  <c:v>15.3</c:v>
                </c:pt>
                <c:pt idx="517">
                  <c:v>15.5</c:v>
                </c:pt>
                <c:pt idx="518">
                  <c:v>16</c:v>
                </c:pt>
                <c:pt idx="519">
                  <c:v>16.600000000000001</c:v>
                </c:pt>
                <c:pt idx="520">
                  <c:v>16.8</c:v>
                </c:pt>
                <c:pt idx="521">
                  <c:v>16.5</c:v>
                </c:pt>
                <c:pt idx="522">
                  <c:v>16.3</c:v>
                </c:pt>
                <c:pt idx="523">
                  <c:v>15.5</c:v>
                </c:pt>
                <c:pt idx="524">
                  <c:v>15</c:v>
                </c:pt>
                <c:pt idx="525">
                  <c:v>14.4</c:v>
                </c:pt>
                <c:pt idx="526">
                  <c:v>14.5</c:v>
                </c:pt>
                <c:pt idx="527">
                  <c:v>14.4</c:v>
                </c:pt>
                <c:pt idx="528">
                  <c:v>14.2</c:v>
                </c:pt>
                <c:pt idx="529">
                  <c:v>14.1</c:v>
                </c:pt>
                <c:pt idx="530">
                  <c:v>13.9</c:v>
                </c:pt>
                <c:pt idx="531">
                  <c:v>13.6</c:v>
                </c:pt>
                <c:pt idx="532">
                  <c:v>13.4</c:v>
                </c:pt>
                <c:pt idx="533">
                  <c:v>13.4</c:v>
                </c:pt>
                <c:pt idx="534">
                  <c:v>13.6</c:v>
                </c:pt>
                <c:pt idx="535">
                  <c:v>13.7</c:v>
                </c:pt>
                <c:pt idx="536">
                  <c:v>13.7</c:v>
                </c:pt>
                <c:pt idx="537">
                  <c:v>13.9</c:v>
                </c:pt>
                <c:pt idx="538">
                  <c:v>14.4</c:v>
                </c:pt>
                <c:pt idx="539">
                  <c:v>14.5</c:v>
                </c:pt>
                <c:pt idx="540">
                  <c:v>14.7</c:v>
                </c:pt>
                <c:pt idx="541">
                  <c:v>14.7</c:v>
                </c:pt>
                <c:pt idx="542">
                  <c:v>14.9</c:v>
                </c:pt>
                <c:pt idx="543">
                  <c:v>15</c:v>
                </c:pt>
                <c:pt idx="544">
                  <c:v>15.3</c:v>
                </c:pt>
                <c:pt idx="545">
                  <c:v>15.5</c:v>
                </c:pt>
                <c:pt idx="546">
                  <c:v>15.7</c:v>
                </c:pt>
                <c:pt idx="547">
                  <c:v>15.7</c:v>
                </c:pt>
                <c:pt idx="548">
                  <c:v>15.7</c:v>
                </c:pt>
                <c:pt idx="549">
                  <c:v>15.8</c:v>
                </c:pt>
                <c:pt idx="550">
                  <c:v>16</c:v>
                </c:pt>
                <c:pt idx="551">
                  <c:v>16</c:v>
                </c:pt>
                <c:pt idx="552">
                  <c:v>16.100000000000001</c:v>
                </c:pt>
                <c:pt idx="553">
                  <c:v>16.3</c:v>
                </c:pt>
                <c:pt idx="554">
                  <c:v>16</c:v>
                </c:pt>
                <c:pt idx="555">
                  <c:v>16</c:v>
                </c:pt>
                <c:pt idx="556">
                  <c:v>16</c:v>
                </c:pt>
                <c:pt idx="557">
                  <c:v>16</c:v>
                </c:pt>
                <c:pt idx="558">
                  <c:v>16</c:v>
                </c:pt>
                <c:pt idx="559">
                  <c:v>15.8</c:v>
                </c:pt>
                <c:pt idx="560">
                  <c:v>16</c:v>
                </c:pt>
                <c:pt idx="561">
                  <c:v>16.100000000000001</c:v>
                </c:pt>
                <c:pt idx="562">
                  <c:v>16.3</c:v>
                </c:pt>
                <c:pt idx="563">
                  <c:v>16.100000000000001</c:v>
                </c:pt>
                <c:pt idx="564">
                  <c:v>16.100000000000001</c:v>
                </c:pt>
                <c:pt idx="565">
                  <c:v>16.3</c:v>
                </c:pt>
                <c:pt idx="566">
                  <c:v>16.5</c:v>
                </c:pt>
                <c:pt idx="567">
                  <c:v>16.5</c:v>
                </c:pt>
                <c:pt idx="568">
                  <c:v>16.600000000000001</c:v>
                </c:pt>
                <c:pt idx="569">
                  <c:v>16.600000000000001</c:v>
                </c:pt>
                <c:pt idx="570">
                  <c:v>16.5</c:v>
                </c:pt>
                <c:pt idx="571">
                  <c:v>16.5</c:v>
                </c:pt>
                <c:pt idx="572">
                  <c:v>16.100000000000001</c:v>
                </c:pt>
                <c:pt idx="573">
                  <c:v>16</c:v>
                </c:pt>
                <c:pt idx="574">
                  <c:v>16</c:v>
                </c:pt>
                <c:pt idx="575">
                  <c:v>15.7</c:v>
                </c:pt>
                <c:pt idx="576">
                  <c:v>15.3</c:v>
                </c:pt>
                <c:pt idx="577">
                  <c:v>15</c:v>
                </c:pt>
                <c:pt idx="578">
                  <c:v>14.7</c:v>
                </c:pt>
                <c:pt idx="579">
                  <c:v>14.5</c:v>
                </c:pt>
                <c:pt idx="580">
                  <c:v>14.2</c:v>
                </c:pt>
                <c:pt idx="581">
                  <c:v>14.4</c:v>
                </c:pt>
                <c:pt idx="582">
                  <c:v>14.4</c:v>
                </c:pt>
                <c:pt idx="583">
                  <c:v>14.7</c:v>
                </c:pt>
                <c:pt idx="584">
                  <c:v>15.2</c:v>
                </c:pt>
                <c:pt idx="585">
                  <c:v>15</c:v>
                </c:pt>
                <c:pt idx="586">
                  <c:v>17.3</c:v>
                </c:pt>
                <c:pt idx="587">
                  <c:v>17.3</c:v>
                </c:pt>
                <c:pt idx="588">
                  <c:v>17.3</c:v>
                </c:pt>
                <c:pt idx="589">
                  <c:v>17.3</c:v>
                </c:pt>
                <c:pt idx="590">
                  <c:v>17.3</c:v>
                </c:pt>
                <c:pt idx="591">
                  <c:v>15.8</c:v>
                </c:pt>
                <c:pt idx="592">
                  <c:v>16.3</c:v>
                </c:pt>
                <c:pt idx="593">
                  <c:v>17.3</c:v>
                </c:pt>
                <c:pt idx="594">
                  <c:v>16.3</c:v>
                </c:pt>
                <c:pt idx="595">
                  <c:v>16</c:v>
                </c:pt>
                <c:pt idx="596">
                  <c:v>16</c:v>
                </c:pt>
                <c:pt idx="597">
                  <c:v>16.8</c:v>
                </c:pt>
                <c:pt idx="598">
                  <c:v>17.100000000000001</c:v>
                </c:pt>
                <c:pt idx="599">
                  <c:v>16.899999999999999</c:v>
                </c:pt>
                <c:pt idx="600">
                  <c:v>16.600000000000001</c:v>
                </c:pt>
                <c:pt idx="601">
                  <c:v>16.600000000000001</c:v>
                </c:pt>
                <c:pt idx="602">
                  <c:v>17.100000000000001</c:v>
                </c:pt>
                <c:pt idx="603">
                  <c:v>17.399999999999999</c:v>
                </c:pt>
                <c:pt idx="604">
                  <c:v>18.2</c:v>
                </c:pt>
                <c:pt idx="605">
                  <c:v>19.2</c:v>
                </c:pt>
                <c:pt idx="606">
                  <c:v>18.5</c:v>
                </c:pt>
                <c:pt idx="607">
                  <c:v>20.5</c:v>
                </c:pt>
                <c:pt idx="608">
                  <c:v>20.8</c:v>
                </c:pt>
                <c:pt idx="609">
                  <c:v>20.9</c:v>
                </c:pt>
                <c:pt idx="610">
                  <c:v>21.4</c:v>
                </c:pt>
                <c:pt idx="611">
                  <c:v>22.1</c:v>
                </c:pt>
                <c:pt idx="612">
                  <c:v>22.5</c:v>
                </c:pt>
                <c:pt idx="613">
                  <c:v>22.7</c:v>
                </c:pt>
                <c:pt idx="614">
                  <c:v>22.9</c:v>
                </c:pt>
                <c:pt idx="615">
                  <c:v>22.7</c:v>
                </c:pt>
                <c:pt idx="616">
                  <c:v>22.5</c:v>
                </c:pt>
                <c:pt idx="617">
                  <c:v>22.7</c:v>
                </c:pt>
                <c:pt idx="618">
                  <c:v>22.7</c:v>
                </c:pt>
                <c:pt idx="619">
                  <c:v>21.9</c:v>
                </c:pt>
                <c:pt idx="620">
                  <c:v>20.6</c:v>
                </c:pt>
                <c:pt idx="621">
                  <c:v>20.5</c:v>
                </c:pt>
                <c:pt idx="622">
                  <c:v>20.5</c:v>
                </c:pt>
                <c:pt idx="623">
                  <c:v>18.5</c:v>
                </c:pt>
                <c:pt idx="624">
                  <c:v>17.7</c:v>
                </c:pt>
                <c:pt idx="625">
                  <c:v>17.899999999999999</c:v>
                </c:pt>
                <c:pt idx="626">
                  <c:v>18.2</c:v>
                </c:pt>
                <c:pt idx="627">
                  <c:v>18.899999999999999</c:v>
                </c:pt>
                <c:pt idx="628">
                  <c:v>19.2</c:v>
                </c:pt>
                <c:pt idx="629">
                  <c:v>19.7</c:v>
                </c:pt>
                <c:pt idx="630">
                  <c:v>20.100000000000001</c:v>
                </c:pt>
                <c:pt idx="631">
                  <c:v>20.5</c:v>
                </c:pt>
                <c:pt idx="632">
                  <c:v>20.9</c:v>
                </c:pt>
                <c:pt idx="633">
                  <c:v>21.4</c:v>
                </c:pt>
                <c:pt idx="634">
                  <c:v>21.9</c:v>
                </c:pt>
                <c:pt idx="635">
                  <c:v>22.5</c:v>
                </c:pt>
                <c:pt idx="636">
                  <c:v>23.2</c:v>
                </c:pt>
                <c:pt idx="637">
                  <c:v>23.3</c:v>
                </c:pt>
                <c:pt idx="638">
                  <c:v>23.3</c:v>
                </c:pt>
                <c:pt idx="639">
                  <c:v>23.8</c:v>
                </c:pt>
                <c:pt idx="640">
                  <c:v>23.7</c:v>
                </c:pt>
                <c:pt idx="641">
                  <c:v>21.1</c:v>
                </c:pt>
                <c:pt idx="642">
                  <c:v>20.5</c:v>
                </c:pt>
                <c:pt idx="643">
                  <c:v>19</c:v>
                </c:pt>
                <c:pt idx="644">
                  <c:v>18.399999999999999</c:v>
                </c:pt>
                <c:pt idx="645">
                  <c:v>16.899999999999999</c:v>
                </c:pt>
                <c:pt idx="646">
                  <c:v>16.8</c:v>
                </c:pt>
                <c:pt idx="647">
                  <c:v>15.2</c:v>
                </c:pt>
                <c:pt idx="648">
                  <c:v>14.5</c:v>
                </c:pt>
                <c:pt idx="649">
                  <c:v>14.9</c:v>
                </c:pt>
                <c:pt idx="650">
                  <c:v>15.2</c:v>
                </c:pt>
                <c:pt idx="651">
                  <c:v>15.5</c:v>
                </c:pt>
                <c:pt idx="652">
                  <c:v>15.7</c:v>
                </c:pt>
                <c:pt idx="653">
                  <c:v>16</c:v>
                </c:pt>
                <c:pt idx="654">
                  <c:v>16.3</c:v>
                </c:pt>
                <c:pt idx="655">
                  <c:v>16.8</c:v>
                </c:pt>
                <c:pt idx="656">
                  <c:v>17.100000000000001</c:v>
                </c:pt>
                <c:pt idx="657">
                  <c:v>17.3</c:v>
                </c:pt>
                <c:pt idx="658">
                  <c:v>17.600000000000001</c:v>
                </c:pt>
                <c:pt idx="659">
                  <c:v>18.2</c:v>
                </c:pt>
                <c:pt idx="660">
                  <c:v>19.2</c:v>
                </c:pt>
                <c:pt idx="661">
                  <c:v>19.3</c:v>
                </c:pt>
                <c:pt idx="662">
                  <c:v>19.7</c:v>
                </c:pt>
                <c:pt idx="663">
                  <c:v>19.8</c:v>
                </c:pt>
                <c:pt idx="664">
                  <c:v>19.5</c:v>
                </c:pt>
                <c:pt idx="665">
                  <c:v>19</c:v>
                </c:pt>
                <c:pt idx="666">
                  <c:v>18.5</c:v>
                </c:pt>
                <c:pt idx="667">
                  <c:v>18.5</c:v>
                </c:pt>
                <c:pt idx="668">
                  <c:v>16.3</c:v>
                </c:pt>
                <c:pt idx="669">
                  <c:v>15.8</c:v>
                </c:pt>
                <c:pt idx="670">
                  <c:v>15.2</c:v>
                </c:pt>
                <c:pt idx="671">
                  <c:v>14.7</c:v>
                </c:pt>
                <c:pt idx="672">
                  <c:v>14.7</c:v>
                </c:pt>
                <c:pt idx="673">
                  <c:v>15</c:v>
                </c:pt>
                <c:pt idx="674">
                  <c:v>15.2</c:v>
                </c:pt>
                <c:pt idx="675">
                  <c:v>15.5</c:v>
                </c:pt>
                <c:pt idx="676">
                  <c:v>15.8</c:v>
                </c:pt>
                <c:pt idx="677">
                  <c:v>16</c:v>
                </c:pt>
                <c:pt idx="678">
                  <c:v>16.5</c:v>
                </c:pt>
                <c:pt idx="679">
                  <c:v>16.600000000000001</c:v>
                </c:pt>
                <c:pt idx="680">
                  <c:v>16.8</c:v>
                </c:pt>
                <c:pt idx="681">
                  <c:v>16.899999999999999</c:v>
                </c:pt>
                <c:pt idx="682">
                  <c:v>17.3</c:v>
                </c:pt>
                <c:pt idx="683">
                  <c:v>17.7</c:v>
                </c:pt>
                <c:pt idx="684">
                  <c:v>18.100000000000001</c:v>
                </c:pt>
                <c:pt idx="685">
                  <c:v>18.5</c:v>
                </c:pt>
                <c:pt idx="686">
                  <c:v>19.2</c:v>
                </c:pt>
                <c:pt idx="687">
                  <c:v>14.7</c:v>
                </c:pt>
                <c:pt idx="688">
                  <c:v>12.5</c:v>
                </c:pt>
                <c:pt idx="689">
                  <c:v>11.2</c:v>
                </c:pt>
                <c:pt idx="690">
                  <c:v>11.3</c:v>
                </c:pt>
                <c:pt idx="691">
                  <c:v>11.8</c:v>
                </c:pt>
                <c:pt idx="692">
                  <c:v>12.1</c:v>
                </c:pt>
                <c:pt idx="693">
                  <c:v>12.8</c:v>
                </c:pt>
                <c:pt idx="694">
                  <c:v>12.9</c:v>
                </c:pt>
                <c:pt idx="695">
                  <c:v>13.6</c:v>
                </c:pt>
                <c:pt idx="696">
                  <c:v>14.9</c:v>
                </c:pt>
                <c:pt idx="697">
                  <c:v>14.7</c:v>
                </c:pt>
                <c:pt idx="698">
                  <c:v>14.5</c:v>
                </c:pt>
                <c:pt idx="699">
                  <c:v>14.2</c:v>
                </c:pt>
                <c:pt idx="700">
                  <c:v>14.5</c:v>
                </c:pt>
                <c:pt idx="701">
                  <c:v>13.9</c:v>
                </c:pt>
                <c:pt idx="702">
                  <c:v>13.1</c:v>
                </c:pt>
                <c:pt idx="703">
                  <c:v>12.6</c:v>
                </c:pt>
                <c:pt idx="704">
                  <c:v>12</c:v>
                </c:pt>
                <c:pt idx="705">
                  <c:v>11.7</c:v>
                </c:pt>
                <c:pt idx="706">
                  <c:v>11.3</c:v>
                </c:pt>
                <c:pt idx="707">
                  <c:v>11.2</c:v>
                </c:pt>
                <c:pt idx="708">
                  <c:v>11.2</c:v>
                </c:pt>
                <c:pt idx="709">
                  <c:v>11</c:v>
                </c:pt>
                <c:pt idx="710">
                  <c:v>11</c:v>
                </c:pt>
                <c:pt idx="711">
                  <c:v>11</c:v>
                </c:pt>
                <c:pt idx="712">
                  <c:v>11.2</c:v>
                </c:pt>
                <c:pt idx="713">
                  <c:v>11.5</c:v>
                </c:pt>
                <c:pt idx="714">
                  <c:v>12.1</c:v>
                </c:pt>
                <c:pt idx="715">
                  <c:v>12.3</c:v>
                </c:pt>
                <c:pt idx="716">
                  <c:v>12.8</c:v>
                </c:pt>
                <c:pt idx="717">
                  <c:v>12.9</c:v>
                </c:pt>
                <c:pt idx="718">
                  <c:v>12.8</c:v>
                </c:pt>
                <c:pt idx="719">
                  <c:v>12.6</c:v>
                </c:pt>
                <c:pt idx="720">
                  <c:v>12.3</c:v>
                </c:pt>
                <c:pt idx="721">
                  <c:v>11.8</c:v>
                </c:pt>
                <c:pt idx="722">
                  <c:v>11.7</c:v>
                </c:pt>
                <c:pt idx="723">
                  <c:v>11.2</c:v>
                </c:pt>
                <c:pt idx="724">
                  <c:v>10.4</c:v>
                </c:pt>
                <c:pt idx="725">
                  <c:v>10.5</c:v>
                </c:pt>
                <c:pt idx="726">
                  <c:v>10.9</c:v>
                </c:pt>
                <c:pt idx="727">
                  <c:v>10.9</c:v>
                </c:pt>
                <c:pt idx="728">
                  <c:v>11</c:v>
                </c:pt>
                <c:pt idx="729">
                  <c:v>11.3</c:v>
                </c:pt>
                <c:pt idx="730">
                  <c:v>11.8</c:v>
                </c:pt>
                <c:pt idx="731">
                  <c:v>12.1</c:v>
                </c:pt>
                <c:pt idx="732">
                  <c:v>12.6</c:v>
                </c:pt>
                <c:pt idx="733">
                  <c:v>13.3</c:v>
                </c:pt>
                <c:pt idx="734">
                  <c:v>12.9</c:v>
                </c:pt>
                <c:pt idx="735">
                  <c:v>12.3</c:v>
                </c:pt>
                <c:pt idx="736">
                  <c:v>12.1</c:v>
                </c:pt>
                <c:pt idx="737">
                  <c:v>11.5</c:v>
                </c:pt>
                <c:pt idx="738">
                  <c:v>11</c:v>
                </c:pt>
                <c:pt idx="739">
                  <c:v>10.7</c:v>
                </c:pt>
                <c:pt idx="740">
                  <c:v>10.199999999999999</c:v>
                </c:pt>
                <c:pt idx="741">
                  <c:v>10.4</c:v>
                </c:pt>
                <c:pt idx="742">
                  <c:v>10.7</c:v>
                </c:pt>
                <c:pt idx="743">
                  <c:v>10.9</c:v>
                </c:pt>
                <c:pt idx="744">
                  <c:v>11</c:v>
                </c:pt>
                <c:pt idx="745">
                  <c:v>11.3</c:v>
                </c:pt>
                <c:pt idx="746">
                  <c:v>11.5</c:v>
                </c:pt>
                <c:pt idx="747">
                  <c:v>11.7</c:v>
                </c:pt>
                <c:pt idx="748">
                  <c:v>11.8</c:v>
                </c:pt>
                <c:pt idx="749">
                  <c:v>12.1</c:v>
                </c:pt>
                <c:pt idx="750">
                  <c:v>12.1</c:v>
                </c:pt>
                <c:pt idx="751">
                  <c:v>12.5</c:v>
                </c:pt>
                <c:pt idx="752">
                  <c:v>12.5</c:v>
                </c:pt>
                <c:pt idx="753">
                  <c:v>12.5</c:v>
                </c:pt>
                <c:pt idx="754">
                  <c:v>12.1</c:v>
                </c:pt>
                <c:pt idx="755">
                  <c:v>12.1</c:v>
                </c:pt>
                <c:pt idx="756">
                  <c:v>12.3</c:v>
                </c:pt>
                <c:pt idx="757">
                  <c:v>12.6</c:v>
                </c:pt>
                <c:pt idx="758">
                  <c:v>12.9</c:v>
                </c:pt>
                <c:pt idx="759">
                  <c:v>13.9</c:v>
                </c:pt>
                <c:pt idx="760">
                  <c:v>14.5</c:v>
                </c:pt>
                <c:pt idx="761">
                  <c:v>15.5</c:v>
                </c:pt>
                <c:pt idx="762">
                  <c:v>15.2</c:v>
                </c:pt>
                <c:pt idx="763">
                  <c:v>15.8</c:v>
                </c:pt>
                <c:pt idx="764">
                  <c:v>16</c:v>
                </c:pt>
                <c:pt idx="765">
                  <c:v>15.3</c:v>
                </c:pt>
                <c:pt idx="766">
                  <c:v>14.7</c:v>
                </c:pt>
                <c:pt idx="767">
                  <c:v>15</c:v>
                </c:pt>
                <c:pt idx="768">
                  <c:v>16.5</c:v>
                </c:pt>
                <c:pt idx="769">
                  <c:v>16.8</c:v>
                </c:pt>
                <c:pt idx="770">
                  <c:v>13.1</c:v>
                </c:pt>
                <c:pt idx="771">
                  <c:v>12.9</c:v>
                </c:pt>
                <c:pt idx="772">
                  <c:v>12.5</c:v>
                </c:pt>
                <c:pt idx="773">
                  <c:v>12.1</c:v>
                </c:pt>
                <c:pt idx="774">
                  <c:v>11.3</c:v>
                </c:pt>
                <c:pt idx="775">
                  <c:v>10.4</c:v>
                </c:pt>
                <c:pt idx="776">
                  <c:v>10.199999999999999</c:v>
                </c:pt>
                <c:pt idx="777">
                  <c:v>10.199999999999999</c:v>
                </c:pt>
                <c:pt idx="778">
                  <c:v>10.1</c:v>
                </c:pt>
                <c:pt idx="779">
                  <c:v>10.4</c:v>
                </c:pt>
                <c:pt idx="780">
                  <c:v>10.7</c:v>
                </c:pt>
                <c:pt idx="781">
                  <c:v>10.7</c:v>
                </c:pt>
                <c:pt idx="782">
                  <c:v>10.7</c:v>
                </c:pt>
                <c:pt idx="783">
                  <c:v>11</c:v>
                </c:pt>
                <c:pt idx="784">
                  <c:v>11.2</c:v>
                </c:pt>
                <c:pt idx="785">
                  <c:v>11.7</c:v>
                </c:pt>
                <c:pt idx="786">
                  <c:v>12.5</c:v>
                </c:pt>
                <c:pt idx="787">
                  <c:v>13.1</c:v>
                </c:pt>
                <c:pt idx="788">
                  <c:v>13.7</c:v>
                </c:pt>
                <c:pt idx="789">
                  <c:v>13.6</c:v>
                </c:pt>
                <c:pt idx="790">
                  <c:v>13.4</c:v>
                </c:pt>
                <c:pt idx="791">
                  <c:v>12.9</c:v>
                </c:pt>
                <c:pt idx="792">
                  <c:v>12.8</c:v>
                </c:pt>
                <c:pt idx="793">
                  <c:v>11.8</c:v>
                </c:pt>
                <c:pt idx="794">
                  <c:v>11.5</c:v>
                </c:pt>
                <c:pt idx="795">
                  <c:v>12.6</c:v>
                </c:pt>
                <c:pt idx="796">
                  <c:v>13.4</c:v>
                </c:pt>
                <c:pt idx="797">
                  <c:v>13.9</c:v>
                </c:pt>
                <c:pt idx="798">
                  <c:v>14.1</c:v>
                </c:pt>
                <c:pt idx="799">
                  <c:v>14.5</c:v>
                </c:pt>
                <c:pt idx="800">
                  <c:v>14.7</c:v>
                </c:pt>
                <c:pt idx="801">
                  <c:v>15</c:v>
                </c:pt>
                <c:pt idx="802">
                  <c:v>15.3</c:v>
                </c:pt>
                <c:pt idx="803">
                  <c:v>16</c:v>
                </c:pt>
                <c:pt idx="804">
                  <c:v>16.100000000000001</c:v>
                </c:pt>
                <c:pt idx="805">
                  <c:v>15.8</c:v>
                </c:pt>
                <c:pt idx="806">
                  <c:v>15.7</c:v>
                </c:pt>
                <c:pt idx="807">
                  <c:v>15.3</c:v>
                </c:pt>
                <c:pt idx="808">
                  <c:v>13.6</c:v>
                </c:pt>
                <c:pt idx="809">
                  <c:v>12.8</c:v>
                </c:pt>
                <c:pt idx="810">
                  <c:v>12.6</c:v>
                </c:pt>
                <c:pt idx="811">
                  <c:v>12.9</c:v>
                </c:pt>
                <c:pt idx="812">
                  <c:v>14.2</c:v>
                </c:pt>
                <c:pt idx="813">
                  <c:v>14.9</c:v>
                </c:pt>
                <c:pt idx="814">
                  <c:v>15</c:v>
                </c:pt>
                <c:pt idx="815">
                  <c:v>15.2</c:v>
                </c:pt>
                <c:pt idx="816">
                  <c:v>15.3</c:v>
                </c:pt>
                <c:pt idx="817">
                  <c:v>15.7</c:v>
                </c:pt>
                <c:pt idx="818">
                  <c:v>16</c:v>
                </c:pt>
                <c:pt idx="819">
                  <c:v>17.100000000000001</c:v>
                </c:pt>
                <c:pt idx="820">
                  <c:v>17.399999999999999</c:v>
                </c:pt>
                <c:pt idx="821">
                  <c:v>17.399999999999999</c:v>
                </c:pt>
                <c:pt idx="822">
                  <c:v>17.899999999999999</c:v>
                </c:pt>
                <c:pt idx="823">
                  <c:v>17.100000000000001</c:v>
                </c:pt>
                <c:pt idx="824">
                  <c:v>15.2</c:v>
                </c:pt>
                <c:pt idx="825">
                  <c:v>14.9</c:v>
                </c:pt>
                <c:pt idx="826">
                  <c:v>14.5</c:v>
                </c:pt>
                <c:pt idx="827">
                  <c:v>11.3</c:v>
                </c:pt>
                <c:pt idx="828">
                  <c:v>11.8</c:v>
                </c:pt>
                <c:pt idx="829">
                  <c:v>12.3</c:v>
                </c:pt>
                <c:pt idx="830">
                  <c:v>12.5</c:v>
                </c:pt>
                <c:pt idx="831">
                  <c:v>12.8</c:v>
                </c:pt>
                <c:pt idx="832">
                  <c:v>12.5</c:v>
                </c:pt>
                <c:pt idx="833">
                  <c:v>11.7</c:v>
                </c:pt>
                <c:pt idx="834">
                  <c:v>11.3</c:v>
                </c:pt>
                <c:pt idx="835">
                  <c:v>11.2</c:v>
                </c:pt>
                <c:pt idx="836">
                  <c:v>10.5</c:v>
                </c:pt>
                <c:pt idx="837">
                  <c:v>9.6999999999999993</c:v>
                </c:pt>
                <c:pt idx="838">
                  <c:v>8.9</c:v>
                </c:pt>
                <c:pt idx="839">
                  <c:v>8.6</c:v>
                </c:pt>
                <c:pt idx="840">
                  <c:v>8</c:v>
                </c:pt>
                <c:pt idx="841">
                  <c:v>7.2</c:v>
                </c:pt>
                <c:pt idx="842">
                  <c:v>7.3</c:v>
                </c:pt>
                <c:pt idx="843">
                  <c:v>7.5</c:v>
                </c:pt>
                <c:pt idx="844">
                  <c:v>7.7</c:v>
                </c:pt>
                <c:pt idx="845">
                  <c:v>8</c:v>
                </c:pt>
                <c:pt idx="846">
                  <c:v>8.3000000000000007</c:v>
                </c:pt>
                <c:pt idx="847">
                  <c:v>8.6</c:v>
                </c:pt>
                <c:pt idx="848">
                  <c:v>9.3000000000000007</c:v>
                </c:pt>
                <c:pt idx="849">
                  <c:v>9.6</c:v>
                </c:pt>
                <c:pt idx="850">
                  <c:v>9.6999999999999993</c:v>
                </c:pt>
                <c:pt idx="851">
                  <c:v>10.4</c:v>
                </c:pt>
                <c:pt idx="852">
                  <c:v>10.4</c:v>
                </c:pt>
                <c:pt idx="853">
                  <c:v>9.9</c:v>
                </c:pt>
                <c:pt idx="854">
                  <c:v>8.8000000000000007</c:v>
                </c:pt>
                <c:pt idx="855">
                  <c:v>8.6</c:v>
                </c:pt>
                <c:pt idx="856">
                  <c:v>8.6</c:v>
                </c:pt>
                <c:pt idx="857">
                  <c:v>8.5</c:v>
                </c:pt>
                <c:pt idx="858">
                  <c:v>8.5</c:v>
                </c:pt>
                <c:pt idx="859">
                  <c:v>7.8</c:v>
                </c:pt>
                <c:pt idx="860">
                  <c:v>7.8</c:v>
                </c:pt>
                <c:pt idx="861">
                  <c:v>7.5</c:v>
                </c:pt>
                <c:pt idx="862">
                  <c:v>7.2</c:v>
                </c:pt>
                <c:pt idx="863">
                  <c:v>6.9</c:v>
                </c:pt>
                <c:pt idx="864">
                  <c:v>6.4</c:v>
                </c:pt>
                <c:pt idx="865">
                  <c:v>6.4</c:v>
                </c:pt>
                <c:pt idx="866">
                  <c:v>6.5</c:v>
                </c:pt>
                <c:pt idx="867">
                  <c:v>6.7</c:v>
                </c:pt>
                <c:pt idx="868">
                  <c:v>6.7</c:v>
                </c:pt>
                <c:pt idx="869">
                  <c:v>7</c:v>
                </c:pt>
                <c:pt idx="870">
                  <c:v>7.2</c:v>
                </c:pt>
                <c:pt idx="871">
                  <c:v>7</c:v>
                </c:pt>
                <c:pt idx="872">
                  <c:v>6.9</c:v>
                </c:pt>
                <c:pt idx="873">
                  <c:v>6.4</c:v>
                </c:pt>
                <c:pt idx="874">
                  <c:v>7.2</c:v>
                </c:pt>
                <c:pt idx="875">
                  <c:v>7</c:v>
                </c:pt>
                <c:pt idx="876">
                  <c:v>6.7</c:v>
                </c:pt>
                <c:pt idx="877">
                  <c:v>6.5</c:v>
                </c:pt>
                <c:pt idx="878">
                  <c:v>6.1</c:v>
                </c:pt>
                <c:pt idx="879">
                  <c:v>6.5</c:v>
                </c:pt>
                <c:pt idx="880">
                  <c:v>6.7</c:v>
                </c:pt>
                <c:pt idx="881">
                  <c:v>6.9</c:v>
                </c:pt>
                <c:pt idx="882">
                  <c:v>7.5</c:v>
                </c:pt>
                <c:pt idx="883">
                  <c:v>7.8</c:v>
                </c:pt>
                <c:pt idx="884">
                  <c:v>8.1</c:v>
                </c:pt>
                <c:pt idx="885">
                  <c:v>8.5</c:v>
                </c:pt>
                <c:pt idx="886">
                  <c:v>8.9</c:v>
                </c:pt>
                <c:pt idx="887">
                  <c:v>9.3000000000000007</c:v>
                </c:pt>
                <c:pt idx="888">
                  <c:v>9.4</c:v>
                </c:pt>
                <c:pt idx="889">
                  <c:v>9.6999999999999993</c:v>
                </c:pt>
                <c:pt idx="890">
                  <c:v>9.9</c:v>
                </c:pt>
                <c:pt idx="891">
                  <c:v>10.5</c:v>
                </c:pt>
                <c:pt idx="892">
                  <c:v>10.5</c:v>
                </c:pt>
                <c:pt idx="893">
                  <c:v>10.4</c:v>
                </c:pt>
                <c:pt idx="894">
                  <c:v>10.4</c:v>
                </c:pt>
                <c:pt idx="895">
                  <c:v>10.4</c:v>
                </c:pt>
                <c:pt idx="896">
                  <c:v>10.4</c:v>
                </c:pt>
                <c:pt idx="897">
                  <c:v>10.9</c:v>
                </c:pt>
                <c:pt idx="898">
                  <c:v>11.5</c:v>
                </c:pt>
                <c:pt idx="899">
                  <c:v>11.5</c:v>
                </c:pt>
                <c:pt idx="900">
                  <c:v>11.8</c:v>
                </c:pt>
                <c:pt idx="901">
                  <c:v>12</c:v>
                </c:pt>
                <c:pt idx="902">
                  <c:v>12.3</c:v>
                </c:pt>
                <c:pt idx="903">
                  <c:v>12.5</c:v>
                </c:pt>
                <c:pt idx="904">
                  <c:v>12.8</c:v>
                </c:pt>
                <c:pt idx="905">
                  <c:v>12.8</c:v>
                </c:pt>
                <c:pt idx="906">
                  <c:v>12.8</c:v>
                </c:pt>
                <c:pt idx="907">
                  <c:v>12.5</c:v>
                </c:pt>
                <c:pt idx="908">
                  <c:v>13.7</c:v>
                </c:pt>
                <c:pt idx="909">
                  <c:v>13.6</c:v>
                </c:pt>
                <c:pt idx="910">
                  <c:v>15.7</c:v>
                </c:pt>
                <c:pt idx="911">
                  <c:v>17.399999999999999</c:v>
                </c:pt>
                <c:pt idx="912">
                  <c:v>17.899999999999999</c:v>
                </c:pt>
                <c:pt idx="913">
                  <c:v>17.7</c:v>
                </c:pt>
                <c:pt idx="914">
                  <c:v>10.5</c:v>
                </c:pt>
                <c:pt idx="915">
                  <c:v>10.199999999999999</c:v>
                </c:pt>
                <c:pt idx="916">
                  <c:v>10.199999999999999</c:v>
                </c:pt>
                <c:pt idx="917">
                  <c:v>10.199999999999999</c:v>
                </c:pt>
                <c:pt idx="918">
                  <c:v>10.7</c:v>
                </c:pt>
                <c:pt idx="919">
                  <c:v>10.7</c:v>
                </c:pt>
                <c:pt idx="920">
                  <c:v>10.5</c:v>
                </c:pt>
                <c:pt idx="921">
                  <c:v>10.4</c:v>
                </c:pt>
                <c:pt idx="922">
                  <c:v>10.4</c:v>
                </c:pt>
                <c:pt idx="923">
                  <c:v>10.4</c:v>
                </c:pt>
                <c:pt idx="924">
                  <c:v>10.4</c:v>
                </c:pt>
                <c:pt idx="925">
                  <c:v>9.9</c:v>
                </c:pt>
                <c:pt idx="926">
                  <c:v>8.6</c:v>
                </c:pt>
                <c:pt idx="927">
                  <c:v>8.3000000000000007</c:v>
                </c:pt>
                <c:pt idx="928">
                  <c:v>8.1</c:v>
                </c:pt>
                <c:pt idx="929">
                  <c:v>8.1</c:v>
                </c:pt>
                <c:pt idx="930">
                  <c:v>8.3000000000000007</c:v>
                </c:pt>
                <c:pt idx="931">
                  <c:v>8.1</c:v>
                </c:pt>
                <c:pt idx="932">
                  <c:v>8.5</c:v>
                </c:pt>
                <c:pt idx="933">
                  <c:v>8.6</c:v>
                </c:pt>
                <c:pt idx="934">
                  <c:v>9.1</c:v>
                </c:pt>
                <c:pt idx="935">
                  <c:v>9.6</c:v>
                </c:pt>
                <c:pt idx="936">
                  <c:v>10.1</c:v>
                </c:pt>
                <c:pt idx="937">
                  <c:v>11.2</c:v>
                </c:pt>
                <c:pt idx="938">
                  <c:v>20.5</c:v>
                </c:pt>
                <c:pt idx="939">
                  <c:v>21.6</c:v>
                </c:pt>
                <c:pt idx="940">
                  <c:v>20.3</c:v>
                </c:pt>
                <c:pt idx="941">
                  <c:v>18.899999999999999</c:v>
                </c:pt>
                <c:pt idx="942">
                  <c:v>17.7</c:v>
                </c:pt>
                <c:pt idx="943">
                  <c:v>16.899999999999999</c:v>
                </c:pt>
                <c:pt idx="944">
                  <c:v>17.100000000000001</c:v>
                </c:pt>
                <c:pt idx="945">
                  <c:v>17.100000000000001</c:v>
                </c:pt>
                <c:pt idx="946">
                  <c:v>17.399999999999999</c:v>
                </c:pt>
                <c:pt idx="947">
                  <c:v>17.7</c:v>
                </c:pt>
                <c:pt idx="948">
                  <c:v>18.100000000000001</c:v>
                </c:pt>
                <c:pt idx="949">
                  <c:v>19.2</c:v>
                </c:pt>
                <c:pt idx="950">
                  <c:v>19.8</c:v>
                </c:pt>
                <c:pt idx="951">
                  <c:v>20.5</c:v>
                </c:pt>
                <c:pt idx="952">
                  <c:v>21.1</c:v>
                </c:pt>
                <c:pt idx="953">
                  <c:v>21.4</c:v>
                </c:pt>
                <c:pt idx="954">
                  <c:v>21.3</c:v>
                </c:pt>
                <c:pt idx="955">
                  <c:v>21.1</c:v>
                </c:pt>
                <c:pt idx="956">
                  <c:v>20.8</c:v>
                </c:pt>
                <c:pt idx="957">
                  <c:v>20.5</c:v>
                </c:pt>
                <c:pt idx="958">
                  <c:v>20</c:v>
                </c:pt>
                <c:pt idx="959">
                  <c:v>18.7</c:v>
                </c:pt>
                <c:pt idx="960">
                  <c:v>17.899999999999999</c:v>
                </c:pt>
                <c:pt idx="961">
                  <c:v>16.100000000000001</c:v>
                </c:pt>
                <c:pt idx="962">
                  <c:v>15.3</c:v>
                </c:pt>
                <c:pt idx="963">
                  <c:v>15.3</c:v>
                </c:pt>
                <c:pt idx="964">
                  <c:v>16</c:v>
                </c:pt>
                <c:pt idx="965">
                  <c:v>16.3</c:v>
                </c:pt>
                <c:pt idx="966">
                  <c:v>17.3</c:v>
                </c:pt>
                <c:pt idx="967">
                  <c:v>17.600000000000001</c:v>
                </c:pt>
                <c:pt idx="968">
                  <c:v>18.2</c:v>
                </c:pt>
                <c:pt idx="969">
                  <c:v>18.7</c:v>
                </c:pt>
                <c:pt idx="970">
                  <c:v>18.899999999999999</c:v>
                </c:pt>
                <c:pt idx="971">
                  <c:v>19.3</c:v>
                </c:pt>
                <c:pt idx="972">
                  <c:v>19.5</c:v>
                </c:pt>
                <c:pt idx="973">
                  <c:v>18.7</c:v>
                </c:pt>
                <c:pt idx="974">
                  <c:v>18.2</c:v>
                </c:pt>
                <c:pt idx="975">
                  <c:v>17.399999999999999</c:v>
                </c:pt>
                <c:pt idx="976">
                  <c:v>16.600000000000001</c:v>
                </c:pt>
                <c:pt idx="977">
                  <c:v>15.8</c:v>
                </c:pt>
                <c:pt idx="978">
                  <c:v>15.8</c:v>
                </c:pt>
                <c:pt idx="979">
                  <c:v>15</c:v>
                </c:pt>
                <c:pt idx="980">
                  <c:v>14.5</c:v>
                </c:pt>
                <c:pt idx="981">
                  <c:v>14.2</c:v>
                </c:pt>
                <c:pt idx="982">
                  <c:v>14.4</c:v>
                </c:pt>
                <c:pt idx="983">
                  <c:v>14.9</c:v>
                </c:pt>
                <c:pt idx="984">
                  <c:v>15.2</c:v>
                </c:pt>
                <c:pt idx="985">
                  <c:v>15.5</c:v>
                </c:pt>
                <c:pt idx="986">
                  <c:v>15.8</c:v>
                </c:pt>
                <c:pt idx="987">
                  <c:v>16.100000000000001</c:v>
                </c:pt>
                <c:pt idx="988">
                  <c:v>16.5</c:v>
                </c:pt>
                <c:pt idx="989">
                  <c:v>16.600000000000001</c:v>
                </c:pt>
                <c:pt idx="990">
                  <c:v>16.899999999999999</c:v>
                </c:pt>
                <c:pt idx="991">
                  <c:v>17.399999999999999</c:v>
                </c:pt>
                <c:pt idx="992">
                  <c:v>17.7</c:v>
                </c:pt>
                <c:pt idx="993">
                  <c:v>18.2</c:v>
                </c:pt>
                <c:pt idx="994">
                  <c:v>18.399999999999999</c:v>
                </c:pt>
                <c:pt idx="995">
                  <c:v>18.5</c:v>
                </c:pt>
                <c:pt idx="996">
                  <c:v>18.5</c:v>
                </c:pt>
                <c:pt idx="997">
                  <c:v>18.399999999999999</c:v>
                </c:pt>
                <c:pt idx="998">
                  <c:v>18.100000000000001</c:v>
                </c:pt>
                <c:pt idx="999">
                  <c:v>17.399999999999999</c:v>
                </c:pt>
                <c:pt idx="1000">
                  <c:v>16.3</c:v>
                </c:pt>
                <c:pt idx="1001">
                  <c:v>16</c:v>
                </c:pt>
                <c:pt idx="1002">
                  <c:v>15</c:v>
                </c:pt>
                <c:pt idx="1003">
                  <c:v>12.8</c:v>
                </c:pt>
                <c:pt idx="1004">
                  <c:v>12.8</c:v>
                </c:pt>
                <c:pt idx="1005">
                  <c:v>12.8</c:v>
                </c:pt>
                <c:pt idx="1006">
                  <c:v>12.6</c:v>
                </c:pt>
                <c:pt idx="1007">
                  <c:v>12.1</c:v>
                </c:pt>
                <c:pt idx="1008">
                  <c:v>10.199999999999999</c:v>
                </c:pt>
                <c:pt idx="1009">
                  <c:v>9.9</c:v>
                </c:pt>
                <c:pt idx="1010">
                  <c:v>10.199999999999999</c:v>
                </c:pt>
                <c:pt idx="1011">
                  <c:v>10.4</c:v>
                </c:pt>
                <c:pt idx="1012">
                  <c:v>10.5</c:v>
                </c:pt>
                <c:pt idx="1013">
                  <c:v>10.7</c:v>
                </c:pt>
                <c:pt idx="1014">
                  <c:v>11</c:v>
                </c:pt>
                <c:pt idx="1015">
                  <c:v>11.2</c:v>
                </c:pt>
                <c:pt idx="1016">
                  <c:v>11.2</c:v>
                </c:pt>
                <c:pt idx="1017">
                  <c:v>11.2</c:v>
                </c:pt>
                <c:pt idx="1018">
                  <c:v>10.9</c:v>
                </c:pt>
                <c:pt idx="1019">
                  <c:v>10.4</c:v>
                </c:pt>
                <c:pt idx="1020">
                  <c:v>10.1</c:v>
                </c:pt>
                <c:pt idx="1021">
                  <c:v>9.1</c:v>
                </c:pt>
                <c:pt idx="1022">
                  <c:v>8.8000000000000007</c:v>
                </c:pt>
                <c:pt idx="1023">
                  <c:v>8.6</c:v>
                </c:pt>
                <c:pt idx="1024">
                  <c:v>7.8</c:v>
                </c:pt>
                <c:pt idx="1025">
                  <c:v>7.2</c:v>
                </c:pt>
                <c:pt idx="1026">
                  <c:v>7.5</c:v>
                </c:pt>
                <c:pt idx="1027">
                  <c:v>7.5</c:v>
                </c:pt>
                <c:pt idx="1028">
                  <c:v>7.7</c:v>
                </c:pt>
                <c:pt idx="1029">
                  <c:v>7.8</c:v>
                </c:pt>
                <c:pt idx="1030">
                  <c:v>8.3000000000000007</c:v>
                </c:pt>
                <c:pt idx="1031">
                  <c:v>8.6</c:v>
                </c:pt>
                <c:pt idx="1032">
                  <c:v>8.9</c:v>
                </c:pt>
                <c:pt idx="1033">
                  <c:v>9.4</c:v>
                </c:pt>
                <c:pt idx="1034">
                  <c:v>9.4</c:v>
                </c:pt>
                <c:pt idx="1035">
                  <c:v>9.6999999999999993</c:v>
                </c:pt>
                <c:pt idx="1036">
                  <c:v>9.9</c:v>
                </c:pt>
                <c:pt idx="1037">
                  <c:v>10.4</c:v>
                </c:pt>
                <c:pt idx="1038">
                  <c:v>10.7</c:v>
                </c:pt>
                <c:pt idx="1039">
                  <c:v>10.9</c:v>
                </c:pt>
                <c:pt idx="1040">
                  <c:v>11.3</c:v>
                </c:pt>
                <c:pt idx="1041">
                  <c:v>11.3</c:v>
                </c:pt>
                <c:pt idx="1042">
                  <c:v>11.2</c:v>
                </c:pt>
                <c:pt idx="1043">
                  <c:v>11</c:v>
                </c:pt>
                <c:pt idx="1044">
                  <c:v>10.9</c:v>
                </c:pt>
                <c:pt idx="1045">
                  <c:v>10.7</c:v>
                </c:pt>
                <c:pt idx="1046">
                  <c:v>10.9</c:v>
                </c:pt>
                <c:pt idx="1047">
                  <c:v>11.8</c:v>
                </c:pt>
                <c:pt idx="1048">
                  <c:v>11.3</c:v>
                </c:pt>
                <c:pt idx="1049">
                  <c:v>11.3</c:v>
                </c:pt>
                <c:pt idx="1050">
                  <c:v>11.2</c:v>
                </c:pt>
                <c:pt idx="1051">
                  <c:v>11.2</c:v>
                </c:pt>
                <c:pt idx="1052">
                  <c:v>12.3</c:v>
                </c:pt>
                <c:pt idx="1053">
                  <c:v>12.1</c:v>
                </c:pt>
                <c:pt idx="1054">
                  <c:v>12.1</c:v>
                </c:pt>
                <c:pt idx="1055">
                  <c:v>12.5</c:v>
                </c:pt>
                <c:pt idx="1056">
                  <c:v>14.4</c:v>
                </c:pt>
                <c:pt idx="1057">
                  <c:v>16</c:v>
                </c:pt>
                <c:pt idx="1058">
                  <c:v>16</c:v>
                </c:pt>
                <c:pt idx="1059">
                  <c:v>16.899999999999999</c:v>
                </c:pt>
                <c:pt idx="1060">
                  <c:v>17.3</c:v>
                </c:pt>
                <c:pt idx="1061">
                  <c:v>17.899999999999999</c:v>
                </c:pt>
                <c:pt idx="1062">
                  <c:v>18.5</c:v>
                </c:pt>
                <c:pt idx="1063">
                  <c:v>18.399999999999999</c:v>
                </c:pt>
                <c:pt idx="1064">
                  <c:v>17.899999999999999</c:v>
                </c:pt>
                <c:pt idx="1065">
                  <c:v>16.899999999999999</c:v>
                </c:pt>
                <c:pt idx="1066">
                  <c:v>15.8</c:v>
                </c:pt>
                <c:pt idx="1067">
                  <c:v>14.9</c:v>
                </c:pt>
                <c:pt idx="1068">
                  <c:v>14.1</c:v>
                </c:pt>
                <c:pt idx="1069">
                  <c:v>13.4</c:v>
                </c:pt>
                <c:pt idx="1070">
                  <c:v>13.4</c:v>
                </c:pt>
                <c:pt idx="1071">
                  <c:v>13.6</c:v>
                </c:pt>
                <c:pt idx="1072">
                  <c:v>13.9</c:v>
                </c:pt>
                <c:pt idx="1073">
                  <c:v>14.1</c:v>
                </c:pt>
                <c:pt idx="1074">
                  <c:v>14.2</c:v>
                </c:pt>
                <c:pt idx="1075">
                  <c:v>14.7</c:v>
                </c:pt>
                <c:pt idx="1076">
                  <c:v>15.2</c:v>
                </c:pt>
                <c:pt idx="1077">
                  <c:v>15.7</c:v>
                </c:pt>
                <c:pt idx="1078">
                  <c:v>16.3</c:v>
                </c:pt>
                <c:pt idx="1079">
                  <c:v>16.899999999999999</c:v>
                </c:pt>
                <c:pt idx="1080">
                  <c:v>17.399999999999999</c:v>
                </c:pt>
                <c:pt idx="1081">
                  <c:v>18.100000000000001</c:v>
                </c:pt>
                <c:pt idx="1082">
                  <c:v>18.5</c:v>
                </c:pt>
                <c:pt idx="1083">
                  <c:v>18.7</c:v>
                </c:pt>
                <c:pt idx="1084">
                  <c:v>18.7</c:v>
                </c:pt>
                <c:pt idx="1085">
                  <c:v>18.399999999999999</c:v>
                </c:pt>
                <c:pt idx="1086">
                  <c:v>18.100000000000001</c:v>
                </c:pt>
                <c:pt idx="1087">
                  <c:v>17.3</c:v>
                </c:pt>
                <c:pt idx="1088">
                  <c:v>16.100000000000001</c:v>
                </c:pt>
                <c:pt idx="1089">
                  <c:v>15.2</c:v>
                </c:pt>
                <c:pt idx="1090">
                  <c:v>14.4</c:v>
                </c:pt>
                <c:pt idx="1091">
                  <c:v>13.4</c:v>
                </c:pt>
                <c:pt idx="1092">
                  <c:v>13.1</c:v>
                </c:pt>
                <c:pt idx="1093">
                  <c:v>12.3</c:v>
                </c:pt>
                <c:pt idx="1094">
                  <c:v>12.3</c:v>
                </c:pt>
                <c:pt idx="1095">
                  <c:v>12.6</c:v>
                </c:pt>
                <c:pt idx="1096">
                  <c:v>12.9</c:v>
                </c:pt>
                <c:pt idx="1097">
                  <c:v>13.1</c:v>
                </c:pt>
                <c:pt idx="1098">
                  <c:v>13.7</c:v>
                </c:pt>
                <c:pt idx="1099">
                  <c:v>13.9</c:v>
                </c:pt>
                <c:pt idx="1100">
                  <c:v>14.4</c:v>
                </c:pt>
                <c:pt idx="1101">
                  <c:v>14.7</c:v>
                </c:pt>
                <c:pt idx="1102">
                  <c:v>15.2</c:v>
                </c:pt>
                <c:pt idx="1103">
                  <c:v>15.7</c:v>
                </c:pt>
                <c:pt idx="1104">
                  <c:v>16</c:v>
                </c:pt>
                <c:pt idx="1105">
                  <c:v>16.5</c:v>
                </c:pt>
                <c:pt idx="1106">
                  <c:v>17.3</c:v>
                </c:pt>
                <c:pt idx="1107">
                  <c:v>17.899999999999999</c:v>
                </c:pt>
                <c:pt idx="1108">
                  <c:v>18.2</c:v>
                </c:pt>
                <c:pt idx="1109">
                  <c:v>17.899999999999999</c:v>
                </c:pt>
                <c:pt idx="1110">
                  <c:v>17.3</c:v>
                </c:pt>
                <c:pt idx="1111">
                  <c:v>16.5</c:v>
                </c:pt>
                <c:pt idx="1112">
                  <c:v>15.2</c:v>
                </c:pt>
                <c:pt idx="1113">
                  <c:v>14.2</c:v>
                </c:pt>
                <c:pt idx="1114">
                  <c:v>12.6</c:v>
                </c:pt>
                <c:pt idx="1115">
                  <c:v>12.1</c:v>
                </c:pt>
                <c:pt idx="1116">
                  <c:v>12</c:v>
                </c:pt>
                <c:pt idx="1117">
                  <c:v>11</c:v>
                </c:pt>
                <c:pt idx="1118">
                  <c:v>11.2</c:v>
                </c:pt>
                <c:pt idx="1119">
                  <c:v>11.5</c:v>
                </c:pt>
                <c:pt idx="1120">
                  <c:v>11.8</c:v>
                </c:pt>
                <c:pt idx="1121">
                  <c:v>12.1</c:v>
                </c:pt>
                <c:pt idx="1122">
                  <c:v>12.8</c:v>
                </c:pt>
                <c:pt idx="1123">
                  <c:v>13.6</c:v>
                </c:pt>
                <c:pt idx="1124">
                  <c:v>13.9</c:v>
                </c:pt>
                <c:pt idx="1125">
                  <c:v>14.4</c:v>
                </c:pt>
                <c:pt idx="1126">
                  <c:v>14.9</c:v>
                </c:pt>
                <c:pt idx="1127">
                  <c:v>15.2</c:v>
                </c:pt>
                <c:pt idx="1128">
                  <c:v>15.7</c:v>
                </c:pt>
                <c:pt idx="1129">
                  <c:v>16</c:v>
                </c:pt>
                <c:pt idx="1130">
                  <c:v>16</c:v>
                </c:pt>
              </c:numCache>
            </c:numRef>
          </c:yVal>
          <c:smooth val="0"/>
          <c:extLst>
            <c:ext xmlns:c16="http://schemas.microsoft.com/office/drawing/2014/chart" uri="{C3380CC4-5D6E-409C-BE32-E72D297353CC}">
              <c16:uniqueId val="{00000000-A97B-4A5D-A22D-F275A00FA2D2}"/>
            </c:ext>
          </c:extLst>
        </c:ser>
        <c:ser>
          <c:idx val="1"/>
          <c:order val="1"/>
          <c:tx>
            <c:strRef>
              <c:f>グラフ!$I$2</c:f>
              <c:strCache>
                <c:ptCount val="1"/>
                <c:pt idx="0">
                  <c:v>変位/10mm</c:v>
                </c:pt>
              </c:strCache>
            </c:strRef>
          </c:tx>
          <c:marker>
            <c:symbol val="none"/>
          </c:marker>
          <c:trendline>
            <c:trendlineType val="linear"/>
            <c:dispRSqr val="0"/>
            <c:dispEq val="1"/>
            <c:trendlineLbl>
              <c:layout>
                <c:manualLayout>
                  <c:x val="-4.6247769028871392E-2"/>
                  <c:y val="-0.1267543110365642"/>
                </c:manualLayout>
              </c:layout>
              <c:numFmt formatCode="General" sourceLinked="0"/>
            </c:trendlineLbl>
          </c:trendline>
          <c:xVal>
            <c:numRef>
              <c:f>グラフ!$G$6:$G$1136</c:f>
              <c:numCache>
                <c:formatCode>yyyy/m/d\ h:mm;@</c:formatCode>
                <c:ptCount val="1131"/>
                <c:pt idx="0">
                  <c:v>43238.33011574074</c:v>
                </c:pt>
                <c:pt idx="1">
                  <c:v>43238.288518518515</c:v>
                </c:pt>
                <c:pt idx="2">
                  <c:v>43238.246886574074</c:v>
                </c:pt>
                <c:pt idx="3">
                  <c:v>43238.205370370371</c:v>
                </c:pt>
                <c:pt idx="4">
                  <c:v>43238.163819444446</c:v>
                </c:pt>
                <c:pt idx="5">
                  <c:v>43238.122233796297</c:v>
                </c:pt>
                <c:pt idx="6">
                  <c:v>43238.080578703702</c:v>
                </c:pt>
                <c:pt idx="7">
                  <c:v>43238.038993055554</c:v>
                </c:pt>
                <c:pt idx="8">
                  <c:v>43237.997349537036</c:v>
                </c:pt>
                <c:pt idx="9">
                  <c:v>43237.955775462964</c:v>
                </c:pt>
                <c:pt idx="10">
                  <c:v>43237.914155092592</c:v>
                </c:pt>
                <c:pt idx="11">
                  <c:v>43237.872557870367</c:v>
                </c:pt>
                <c:pt idx="12">
                  <c:v>43237.830960648149</c:v>
                </c:pt>
                <c:pt idx="13">
                  <c:v>43237.789340277777</c:v>
                </c:pt>
                <c:pt idx="14">
                  <c:v>43237.747696759259</c:v>
                </c:pt>
                <c:pt idx="15">
                  <c:v>43237.706064814818</c:v>
                </c:pt>
                <c:pt idx="16">
                  <c:v>43237.664490740739</c:v>
                </c:pt>
                <c:pt idx="17">
                  <c:v>43237.622928240744</c:v>
                </c:pt>
                <c:pt idx="18">
                  <c:v>43237.581296296295</c:v>
                </c:pt>
                <c:pt idx="19">
                  <c:v>43237.539699074077</c:v>
                </c:pt>
                <c:pt idx="20">
                  <c:v>43237.456469907411</c:v>
                </c:pt>
                <c:pt idx="21">
                  <c:v>43237.414930555555</c:v>
                </c:pt>
                <c:pt idx="22">
                  <c:v>43237.37332175926</c:v>
                </c:pt>
                <c:pt idx="23">
                  <c:v>43237.331712962965</c:v>
                </c:pt>
                <c:pt idx="24">
                  <c:v>43237.290127314816</c:v>
                </c:pt>
                <c:pt idx="25">
                  <c:v>43237.24858796296</c:v>
                </c:pt>
                <c:pt idx="26">
                  <c:v>43237.206956018519</c:v>
                </c:pt>
                <c:pt idx="27">
                  <c:v>43237.165405092594</c:v>
                </c:pt>
                <c:pt idx="28">
                  <c:v>43237.123807870368</c:v>
                </c:pt>
                <c:pt idx="29">
                  <c:v>43237.08221064815</c:v>
                </c:pt>
                <c:pt idx="30">
                  <c:v>43237.040636574071</c:v>
                </c:pt>
                <c:pt idx="31">
                  <c:v>43236.99900462963</c:v>
                </c:pt>
                <c:pt idx="32">
                  <c:v>43236.957395833335</c:v>
                </c:pt>
                <c:pt idx="33">
                  <c:v>43236.915844907409</c:v>
                </c:pt>
                <c:pt idx="34">
                  <c:v>43236.874212962961</c:v>
                </c:pt>
                <c:pt idx="35">
                  <c:v>43236.832731481481</c:v>
                </c:pt>
                <c:pt idx="36">
                  <c:v>43236.791168981479</c:v>
                </c:pt>
                <c:pt idx="37">
                  <c:v>43236.74962962963</c:v>
                </c:pt>
                <c:pt idx="38">
                  <c:v>43236.708009259259</c:v>
                </c:pt>
                <c:pt idx="39">
                  <c:v>43236.666435185187</c:v>
                </c:pt>
                <c:pt idx="40">
                  <c:v>43236.6249537037</c:v>
                </c:pt>
                <c:pt idx="41">
                  <c:v>43236.583368055559</c:v>
                </c:pt>
                <c:pt idx="42">
                  <c:v>43236.541828703703</c:v>
                </c:pt>
                <c:pt idx="43">
                  <c:v>43236.500277777777</c:v>
                </c:pt>
                <c:pt idx="44">
                  <c:v>43236.458622685182</c:v>
                </c:pt>
                <c:pt idx="45">
                  <c:v>43236.417013888888</c:v>
                </c:pt>
                <c:pt idx="46">
                  <c:v>43236.375393518516</c:v>
                </c:pt>
                <c:pt idx="47">
                  <c:v>43236.333854166667</c:v>
                </c:pt>
                <c:pt idx="48">
                  <c:v>43236.292245370372</c:v>
                </c:pt>
                <c:pt idx="49">
                  <c:v>43236.250671296293</c:v>
                </c:pt>
                <c:pt idx="50">
                  <c:v>43236.209074074075</c:v>
                </c:pt>
                <c:pt idx="51">
                  <c:v>43236.167430555557</c:v>
                </c:pt>
                <c:pt idx="52">
                  <c:v>43236.125833333332</c:v>
                </c:pt>
                <c:pt idx="53">
                  <c:v>43236.08425925926</c:v>
                </c:pt>
                <c:pt idx="54">
                  <c:v>43236.042615740742</c:v>
                </c:pt>
                <c:pt idx="55">
                  <c:v>43236.00105324074</c:v>
                </c:pt>
                <c:pt idx="56">
                  <c:v>43235.959490740737</c:v>
                </c:pt>
                <c:pt idx="57">
                  <c:v>43235.917986111112</c:v>
                </c:pt>
                <c:pt idx="58">
                  <c:v>43235.876388888886</c:v>
                </c:pt>
                <c:pt idx="59">
                  <c:v>43235.834803240738</c:v>
                </c:pt>
                <c:pt idx="60">
                  <c:v>43235.793229166666</c:v>
                </c:pt>
                <c:pt idx="61">
                  <c:v>43235.751631944448</c:v>
                </c:pt>
                <c:pt idx="62">
                  <c:v>43235.710011574076</c:v>
                </c:pt>
                <c:pt idx="63">
                  <c:v>43235.668402777781</c:v>
                </c:pt>
                <c:pt idx="64">
                  <c:v>43235.626759259256</c:v>
                </c:pt>
                <c:pt idx="65">
                  <c:v>43235.585173611114</c:v>
                </c:pt>
                <c:pt idx="66">
                  <c:v>43235.543506944443</c:v>
                </c:pt>
                <c:pt idx="67">
                  <c:v>43235.501886574071</c:v>
                </c:pt>
                <c:pt idx="68">
                  <c:v>43235.460347222222</c:v>
                </c:pt>
                <c:pt idx="69">
                  <c:v>43235.418773148151</c:v>
                </c:pt>
                <c:pt idx="70">
                  <c:v>43235.377141203702</c:v>
                </c:pt>
                <c:pt idx="71">
                  <c:v>43235.335497685184</c:v>
                </c:pt>
                <c:pt idx="72">
                  <c:v>43235.293877314813</c:v>
                </c:pt>
                <c:pt idx="73">
                  <c:v>43235.252256944441</c:v>
                </c:pt>
                <c:pt idx="74">
                  <c:v>43235.210636574076</c:v>
                </c:pt>
                <c:pt idx="75">
                  <c:v>43235.168993055559</c:v>
                </c:pt>
                <c:pt idx="76">
                  <c:v>43235.12736111111</c:v>
                </c:pt>
                <c:pt idx="77">
                  <c:v>43235.085729166669</c:v>
                </c:pt>
                <c:pt idx="78">
                  <c:v>43235.04414351852</c:v>
                </c:pt>
                <c:pt idx="79">
                  <c:v>43235.002511574072</c:v>
                </c:pt>
                <c:pt idx="80">
                  <c:v>43234.9608912037</c:v>
                </c:pt>
                <c:pt idx="81">
                  <c:v>43234.919259259259</c:v>
                </c:pt>
                <c:pt idx="82">
                  <c:v>43234.877638888887</c:v>
                </c:pt>
                <c:pt idx="83">
                  <c:v>43234.836006944446</c:v>
                </c:pt>
                <c:pt idx="84">
                  <c:v>43234.794363425928</c:v>
                </c:pt>
                <c:pt idx="85">
                  <c:v>43234.752812500003</c:v>
                </c:pt>
                <c:pt idx="86">
                  <c:v>43234.711192129631</c:v>
                </c:pt>
                <c:pt idx="87">
                  <c:v>43234.669641203705</c:v>
                </c:pt>
                <c:pt idx="88">
                  <c:v>43234.627997685187</c:v>
                </c:pt>
                <c:pt idx="89">
                  <c:v>43234.586458333331</c:v>
                </c:pt>
                <c:pt idx="90">
                  <c:v>43234.544895833336</c:v>
                </c:pt>
                <c:pt idx="91">
                  <c:v>43234.503263888888</c:v>
                </c:pt>
                <c:pt idx="92">
                  <c:v>43234.461643518516</c:v>
                </c:pt>
                <c:pt idx="93">
                  <c:v>43234.420023148145</c:v>
                </c:pt>
                <c:pt idx="94">
                  <c:v>43234.378379629627</c:v>
                </c:pt>
                <c:pt idx="95">
                  <c:v>43234.336736111109</c:v>
                </c:pt>
                <c:pt idx="96">
                  <c:v>43234.295092592591</c:v>
                </c:pt>
                <c:pt idx="97">
                  <c:v>43234.253472222219</c:v>
                </c:pt>
                <c:pt idx="98">
                  <c:v>43234.211840277778</c:v>
                </c:pt>
                <c:pt idx="99">
                  <c:v>43234.170231481483</c:v>
                </c:pt>
                <c:pt idx="100">
                  <c:v>43234.128599537034</c:v>
                </c:pt>
                <c:pt idx="101">
                  <c:v>43234.08699074074</c:v>
                </c:pt>
                <c:pt idx="102">
                  <c:v>43234.045358796298</c:v>
                </c:pt>
                <c:pt idx="103">
                  <c:v>43234.003750000003</c:v>
                </c:pt>
                <c:pt idx="104">
                  <c:v>43233.962141203701</c:v>
                </c:pt>
                <c:pt idx="105">
                  <c:v>43233.920532407406</c:v>
                </c:pt>
                <c:pt idx="106">
                  <c:v>43233.878900462965</c:v>
                </c:pt>
                <c:pt idx="107">
                  <c:v>43233.837268518517</c:v>
                </c:pt>
                <c:pt idx="108">
                  <c:v>43233.795636574076</c:v>
                </c:pt>
                <c:pt idx="109">
                  <c:v>43233.754004629627</c:v>
                </c:pt>
                <c:pt idx="110">
                  <c:v>43233.712395833332</c:v>
                </c:pt>
                <c:pt idx="111">
                  <c:v>43233.670798611114</c:v>
                </c:pt>
                <c:pt idx="112">
                  <c:v>43233.629166666666</c:v>
                </c:pt>
                <c:pt idx="113">
                  <c:v>43233.587534722225</c:v>
                </c:pt>
                <c:pt idx="114">
                  <c:v>43233.545937499999</c:v>
                </c:pt>
                <c:pt idx="115">
                  <c:v>43233.504282407404</c:v>
                </c:pt>
                <c:pt idx="116">
                  <c:v>43233.462638888886</c:v>
                </c:pt>
                <c:pt idx="117">
                  <c:v>43233.421087962961</c:v>
                </c:pt>
                <c:pt idx="118">
                  <c:v>43233.379502314812</c:v>
                </c:pt>
                <c:pt idx="119">
                  <c:v>43233.337847222225</c:v>
                </c:pt>
                <c:pt idx="120">
                  <c:v>43233.29619212963</c:v>
                </c:pt>
                <c:pt idx="121">
                  <c:v>43233.254664351851</c:v>
                </c:pt>
                <c:pt idx="122">
                  <c:v>43233.213078703702</c:v>
                </c:pt>
                <c:pt idx="123">
                  <c:v>43233.171458333331</c:v>
                </c:pt>
                <c:pt idx="124">
                  <c:v>43233.129814814813</c:v>
                </c:pt>
                <c:pt idx="125">
                  <c:v>43233.088263888887</c:v>
                </c:pt>
                <c:pt idx="126">
                  <c:v>43233.046840277777</c:v>
                </c:pt>
                <c:pt idx="127">
                  <c:v>43233.005219907405</c:v>
                </c:pt>
                <c:pt idx="128">
                  <c:v>43232.96361111111</c:v>
                </c:pt>
                <c:pt idx="129">
                  <c:v>43232.921990740739</c:v>
                </c:pt>
                <c:pt idx="130">
                  <c:v>43232.880335648151</c:v>
                </c:pt>
                <c:pt idx="131">
                  <c:v>43232.838854166665</c:v>
                </c:pt>
                <c:pt idx="132">
                  <c:v>43232.797222222223</c:v>
                </c:pt>
                <c:pt idx="133">
                  <c:v>43232.755659722221</c:v>
                </c:pt>
                <c:pt idx="134">
                  <c:v>43232.714050925926</c:v>
                </c:pt>
                <c:pt idx="135">
                  <c:v>43232.672418981485</c:v>
                </c:pt>
                <c:pt idx="136">
                  <c:v>43232.630798611113</c:v>
                </c:pt>
                <c:pt idx="137">
                  <c:v>43232.589155092595</c:v>
                </c:pt>
                <c:pt idx="138">
                  <c:v>43232.547523148147</c:v>
                </c:pt>
                <c:pt idx="139">
                  <c:v>43232.505949074075</c:v>
                </c:pt>
                <c:pt idx="140">
                  <c:v>43232.464363425926</c:v>
                </c:pt>
                <c:pt idx="141">
                  <c:v>43232.422881944447</c:v>
                </c:pt>
                <c:pt idx="142">
                  <c:v>43232.381284722222</c:v>
                </c:pt>
                <c:pt idx="143">
                  <c:v>43232.339756944442</c:v>
                </c:pt>
                <c:pt idx="144">
                  <c:v>43232.29824074074</c:v>
                </c:pt>
                <c:pt idx="145">
                  <c:v>43232.256678240738</c:v>
                </c:pt>
                <c:pt idx="146">
                  <c:v>43232.215057870373</c:v>
                </c:pt>
                <c:pt idx="147">
                  <c:v>43232.173483796294</c:v>
                </c:pt>
                <c:pt idx="148">
                  <c:v>43232.131886574076</c:v>
                </c:pt>
                <c:pt idx="149">
                  <c:v>43232.09034722222</c:v>
                </c:pt>
                <c:pt idx="150">
                  <c:v>43232.048738425925</c:v>
                </c:pt>
                <c:pt idx="151">
                  <c:v>43232.007164351853</c:v>
                </c:pt>
                <c:pt idx="152">
                  <c:v>43231.965567129628</c:v>
                </c:pt>
                <c:pt idx="153">
                  <c:v>43231.924062500002</c:v>
                </c:pt>
                <c:pt idx="154">
                  <c:v>43231.882430555554</c:v>
                </c:pt>
                <c:pt idx="155">
                  <c:v>43231.840787037036</c:v>
                </c:pt>
                <c:pt idx="156">
                  <c:v>43231.799143518518</c:v>
                </c:pt>
                <c:pt idx="157">
                  <c:v>43231.757557870369</c:v>
                </c:pt>
                <c:pt idx="158">
                  <c:v>43231.715925925928</c:v>
                </c:pt>
                <c:pt idx="159">
                  <c:v>43231.674328703702</c:v>
                </c:pt>
                <c:pt idx="160">
                  <c:v>43231.632870370369</c:v>
                </c:pt>
                <c:pt idx="161">
                  <c:v>43231.591226851851</c:v>
                </c:pt>
                <c:pt idx="162">
                  <c:v>43231.549629629626</c:v>
                </c:pt>
                <c:pt idx="163">
                  <c:v>43231.508113425924</c:v>
                </c:pt>
                <c:pt idx="164">
                  <c:v>43231.466469907406</c:v>
                </c:pt>
                <c:pt idx="165">
                  <c:v>43231.424861111111</c:v>
                </c:pt>
                <c:pt idx="166">
                  <c:v>43231.383229166669</c:v>
                </c:pt>
                <c:pt idx="167">
                  <c:v>43231.341631944444</c:v>
                </c:pt>
                <c:pt idx="168">
                  <c:v>43231.3</c:v>
                </c:pt>
                <c:pt idx="169">
                  <c:v>43231.258402777778</c:v>
                </c:pt>
                <c:pt idx="170">
                  <c:v>43231.216793981483</c:v>
                </c:pt>
                <c:pt idx="171">
                  <c:v>43231.175185185188</c:v>
                </c:pt>
                <c:pt idx="172">
                  <c:v>43231.13354166667</c:v>
                </c:pt>
                <c:pt idx="173">
                  <c:v>43231.091921296298</c:v>
                </c:pt>
                <c:pt idx="174">
                  <c:v>43231.050312500003</c:v>
                </c:pt>
                <c:pt idx="175">
                  <c:v>43231.008657407408</c:v>
                </c:pt>
                <c:pt idx="176">
                  <c:v>43230.96702546296</c:v>
                </c:pt>
                <c:pt idx="177">
                  <c:v>43230.925393518519</c:v>
                </c:pt>
                <c:pt idx="178">
                  <c:v>43230.883750000001</c:v>
                </c:pt>
                <c:pt idx="179">
                  <c:v>43230.842141203706</c:v>
                </c:pt>
                <c:pt idx="180">
                  <c:v>43230.800509259258</c:v>
                </c:pt>
                <c:pt idx="181">
                  <c:v>43230.758912037039</c:v>
                </c:pt>
                <c:pt idx="182">
                  <c:v>43230.717280092591</c:v>
                </c:pt>
                <c:pt idx="183">
                  <c:v>43230.675671296296</c:v>
                </c:pt>
                <c:pt idx="184">
                  <c:v>43230.634074074071</c:v>
                </c:pt>
                <c:pt idx="185">
                  <c:v>43230.592453703706</c:v>
                </c:pt>
                <c:pt idx="186">
                  <c:v>43230.550856481481</c:v>
                </c:pt>
                <c:pt idx="187">
                  <c:v>43230.509212962963</c:v>
                </c:pt>
                <c:pt idx="188">
                  <c:v>43230.467581018522</c:v>
                </c:pt>
                <c:pt idx="189">
                  <c:v>43230.425983796296</c:v>
                </c:pt>
                <c:pt idx="190">
                  <c:v>43230.384351851855</c:v>
                </c:pt>
                <c:pt idx="191">
                  <c:v>43230.342719907407</c:v>
                </c:pt>
                <c:pt idx="192">
                  <c:v>43230.301076388889</c:v>
                </c:pt>
                <c:pt idx="193">
                  <c:v>43230.259456018517</c:v>
                </c:pt>
                <c:pt idx="194">
                  <c:v>43230.217824074076</c:v>
                </c:pt>
                <c:pt idx="195">
                  <c:v>43230.176215277781</c:v>
                </c:pt>
                <c:pt idx="196">
                  <c:v>43230.134606481479</c:v>
                </c:pt>
                <c:pt idx="197">
                  <c:v>43230.093009259261</c:v>
                </c:pt>
                <c:pt idx="198">
                  <c:v>43230.051412037035</c:v>
                </c:pt>
                <c:pt idx="199">
                  <c:v>43230.009768518517</c:v>
                </c:pt>
                <c:pt idx="200">
                  <c:v>43229.968148148146</c:v>
                </c:pt>
                <c:pt idx="201">
                  <c:v>43229.926516203705</c:v>
                </c:pt>
                <c:pt idx="202">
                  <c:v>43229.884930555556</c:v>
                </c:pt>
                <c:pt idx="203">
                  <c:v>43229.843275462961</c:v>
                </c:pt>
                <c:pt idx="204">
                  <c:v>43229.80164351852</c:v>
                </c:pt>
                <c:pt idx="205">
                  <c:v>43229.760023148148</c:v>
                </c:pt>
                <c:pt idx="206">
                  <c:v>43229.71837962963</c:v>
                </c:pt>
                <c:pt idx="207">
                  <c:v>43229.676747685182</c:v>
                </c:pt>
                <c:pt idx="208">
                  <c:v>43229.635092592594</c:v>
                </c:pt>
                <c:pt idx="209">
                  <c:v>43229.593495370369</c:v>
                </c:pt>
                <c:pt idx="210">
                  <c:v>43229.551851851851</c:v>
                </c:pt>
                <c:pt idx="211">
                  <c:v>43229.510277777779</c:v>
                </c:pt>
                <c:pt idx="212">
                  <c:v>43229.468819444446</c:v>
                </c:pt>
                <c:pt idx="213">
                  <c:v>43229.468657407408</c:v>
                </c:pt>
                <c:pt idx="214">
                  <c:v>43229.42701388889</c:v>
                </c:pt>
                <c:pt idx="215">
                  <c:v>43229.385381944441</c:v>
                </c:pt>
                <c:pt idx="216">
                  <c:v>43229.343761574077</c:v>
                </c:pt>
                <c:pt idx="217">
                  <c:v>43229.302118055559</c:v>
                </c:pt>
                <c:pt idx="218">
                  <c:v>43229.260497685187</c:v>
                </c:pt>
                <c:pt idx="219">
                  <c:v>43229.218865740739</c:v>
                </c:pt>
                <c:pt idx="220">
                  <c:v>43229.177222222221</c:v>
                </c:pt>
                <c:pt idx="221">
                  <c:v>43229.135636574072</c:v>
                </c:pt>
                <c:pt idx="222">
                  <c:v>43229.0940162037</c:v>
                </c:pt>
                <c:pt idx="223">
                  <c:v>43229.052418981482</c:v>
                </c:pt>
                <c:pt idx="224">
                  <c:v>43229.010798611111</c:v>
                </c:pt>
                <c:pt idx="225">
                  <c:v>43228.969178240739</c:v>
                </c:pt>
                <c:pt idx="226">
                  <c:v>43228.927569444444</c:v>
                </c:pt>
                <c:pt idx="227">
                  <c:v>43228.885937500003</c:v>
                </c:pt>
                <c:pt idx="228">
                  <c:v>43228.844293981485</c:v>
                </c:pt>
                <c:pt idx="229">
                  <c:v>43228.802662037036</c:v>
                </c:pt>
                <c:pt idx="230">
                  <c:v>43228.761030092595</c:v>
                </c:pt>
                <c:pt idx="231">
                  <c:v>43228.719421296293</c:v>
                </c:pt>
                <c:pt idx="232">
                  <c:v>43228.677824074075</c:v>
                </c:pt>
                <c:pt idx="233">
                  <c:v>43228.636203703703</c:v>
                </c:pt>
                <c:pt idx="234">
                  <c:v>43228.594571759262</c:v>
                </c:pt>
                <c:pt idx="235">
                  <c:v>43228.552928240744</c:v>
                </c:pt>
                <c:pt idx="236">
                  <c:v>43228.511296296296</c:v>
                </c:pt>
                <c:pt idx="237">
                  <c:v>43228.469687500001</c:v>
                </c:pt>
                <c:pt idx="238">
                  <c:v>43228.428067129629</c:v>
                </c:pt>
                <c:pt idx="239">
                  <c:v>43228.386481481481</c:v>
                </c:pt>
                <c:pt idx="240">
                  <c:v>43228.344837962963</c:v>
                </c:pt>
                <c:pt idx="241">
                  <c:v>43228.303194444445</c:v>
                </c:pt>
                <c:pt idx="242">
                  <c:v>43228.261574074073</c:v>
                </c:pt>
                <c:pt idx="243">
                  <c:v>43228.219942129632</c:v>
                </c:pt>
                <c:pt idx="244">
                  <c:v>43228.17832175926</c:v>
                </c:pt>
                <c:pt idx="245">
                  <c:v>43228.136712962965</c:v>
                </c:pt>
                <c:pt idx="246">
                  <c:v>43228.095081018517</c:v>
                </c:pt>
                <c:pt idx="247">
                  <c:v>43228.053437499999</c:v>
                </c:pt>
                <c:pt idx="248">
                  <c:v>43228.011805555558</c:v>
                </c:pt>
                <c:pt idx="249">
                  <c:v>43227.970208333332</c:v>
                </c:pt>
                <c:pt idx="250">
                  <c:v>43227.928564814814</c:v>
                </c:pt>
                <c:pt idx="251">
                  <c:v>43227.886944444443</c:v>
                </c:pt>
                <c:pt idx="252">
                  <c:v>43227.845312500001</c:v>
                </c:pt>
                <c:pt idx="253">
                  <c:v>43227.80369212963</c:v>
                </c:pt>
                <c:pt idx="254">
                  <c:v>43227.762083333335</c:v>
                </c:pt>
                <c:pt idx="255">
                  <c:v>43227.720462962963</c:v>
                </c:pt>
                <c:pt idx="256">
                  <c:v>43227.678831018522</c:v>
                </c:pt>
                <c:pt idx="257">
                  <c:v>43227.63721064815</c:v>
                </c:pt>
                <c:pt idx="258">
                  <c:v>43227.595590277779</c:v>
                </c:pt>
                <c:pt idx="259">
                  <c:v>43227.553935185184</c:v>
                </c:pt>
                <c:pt idx="260">
                  <c:v>43227.512337962966</c:v>
                </c:pt>
                <c:pt idx="261">
                  <c:v>43227.470717592594</c:v>
                </c:pt>
                <c:pt idx="262">
                  <c:v>43227.429085648146</c:v>
                </c:pt>
                <c:pt idx="263">
                  <c:v>43227.387465277781</c:v>
                </c:pt>
                <c:pt idx="264">
                  <c:v>43227.345868055556</c:v>
                </c:pt>
                <c:pt idx="265">
                  <c:v>43227.304328703707</c:v>
                </c:pt>
                <c:pt idx="266">
                  <c:v>43227.262696759259</c:v>
                </c:pt>
                <c:pt idx="267">
                  <c:v>43227.221064814818</c:v>
                </c:pt>
                <c:pt idx="268">
                  <c:v>43227.179467592592</c:v>
                </c:pt>
                <c:pt idx="269">
                  <c:v>43227.137870370374</c:v>
                </c:pt>
                <c:pt idx="270">
                  <c:v>43227.096261574072</c:v>
                </c:pt>
                <c:pt idx="271">
                  <c:v>43227.054710648146</c:v>
                </c:pt>
                <c:pt idx="272">
                  <c:v>43227.013206018521</c:v>
                </c:pt>
                <c:pt idx="273">
                  <c:v>43226.971689814818</c:v>
                </c:pt>
                <c:pt idx="274">
                  <c:v>43226.930104166669</c:v>
                </c:pt>
                <c:pt idx="275">
                  <c:v>43226.888599537036</c:v>
                </c:pt>
                <c:pt idx="276">
                  <c:v>43226.847025462965</c:v>
                </c:pt>
                <c:pt idx="277">
                  <c:v>43226.805428240739</c:v>
                </c:pt>
                <c:pt idx="278">
                  <c:v>43226.763807870368</c:v>
                </c:pt>
                <c:pt idx="279">
                  <c:v>43226.72216435185</c:v>
                </c:pt>
                <c:pt idx="280">
                  <c:v>43226.680532407408</c:v>
                </c:pt>
                <c:pt idx="281">
                  <c:v>43226.638935185183</c:v>
                </c:pt>
                <c:pt idx="282">
                  <c:v>43226.597314814811</c:v>
                </c:pt>
                <c:pt idx="283">
                  <c:v>43226.55568287037</c:v>
                </c:pt>
                <c:pt idx="284">
                  <c:v>43226.514166666668</c:v>
                </c:pt>
                <c:pt idx="285">
                  <c:v>43226.472638888888</c:v>
                </c:pt>
                <c:pt idx="286">
                  <c:v>43226.431041666663</c:v>
                </c:pt>
                <c:pt idx="287">
                  <c:v>43226.389398148145</c:v>
                </c:pt>
                <c:pt idx="288">
                  <c:v>43226.34778935185</c:v>
                </c:pt>
                <c:pt idx="289">
                  <c:v>43226.306180555555</c:v>
                </c:pt>
                <c:pt idx="290">
                  <c:v>43226.264548611114</c:v>
                </c:pt>
                <c:pt idx="291">
                  <c:v>43226.222905092596</c:v>
                </c:pt>
                <c:pt idx="292">
                  <c:v>43226.181296296294</c:v>
                </c:pt>
                <c:pt idx="293">
                  <c:v>43226.139652777776</c:v>
                </c:pt>
                <c:pt idx="294">
                  <c:v>43226.098078703704</c:v>
                </c:pt>
                <c:pt idx="295">
                  <c:v>43226.056504629632</c:v>
                </c:pt>
                <c:pt idx="296">
                  <c:v>43226.01494212963</c:v>
                </c:pt>
                <c:pt idx="297">
                  <c:v>43225.973368055558</c:v>
                </c:pt>
                <c:pt idx="298">
                  <c:v>43225.93178240741</c:v>
                </c:pt>
                <c:pt idx="299">
                  <c:v>43225.890150462961</c:v>
                </c:pt>
                <c:pt idx="300">
                  <c:v>43225.848587962966</c:v>
                </c:pt>
                <c:pt idx="301">
                  <c:v>43225.806932870371</c:v>
                </c:pt>
                <c:pt idx="302">
                  <c:v>43225.765300925923</c:v>
                </c:pt>
                <c:pt idx="303">
                  <c:v>43225.723692129628</c:v>
                </c:pt>
                <c:pt idx="304">
                  <c:v>43225.682118055556</c:v>
                </c:pt>
                <c:pt idx="305">
                  <c:v>43225.640486111108</c:v>
                </c:pt>
                <c:pt idx="306">
                  <c:v>43225.59884259259</c:v>
                </c:pt>
                <c:pt idx="307">
                  <c:v>43225.557199074072</c:v>
                </c:pt>
                <c:pt idx="308">
                  <c:v>43225.515555555554</c:v>
                </c:pt>
                <c:pt idx="309">
                  <c:v>43225.473958333336</c:v>
                </c:pt>
                <c:pt idx="310">
                  <c:v>43225.432314814818</c:v>
                </c:pt>
                <c:pt idx="311">
                  <c:v>43225.390740740739</c:v>
                </c:pt>
                <c:pt idx="312">
                  <c:v>43225.349108796298</c:v>
                </c:pt>
                <c:pt idx="313">
                  <c:v>43225.307511574072</c:v>
                </c:pt>
                <c:pt idx="314">
                  <c:v>43225.265914351854</c:v>
                </c:pt>
                <c:pt idx="315">
                  <c:v>43225.224317129629</c:v>
                </c:pt>
                <c:pt idx="316">
                  <c:v>43225.18273148148</c:v>
                </c:pt>
                <c:pt idx="317">
                  <c:v>43225.141099537039</c:v>
                </c:pt>
                <c:pt idx="318">
                  <c:v>43225.09951388889</c:v>
                </c:pt>
                <c:pt idx="319">
                  <c:v>43225.057870370372</c:v>
                </c:pt>
                <c:pt idx="320">
                  <c:v>43225.016250000001</c:v>
                </c:pt>
                <c:pt idx="321">
                  <c:v>43224.974699074075</c:v>
                </c:pt>
                <c:pt idx="322">
                  <c:v>43224.933067129627</c:v>
                </c:pt>
                <c:pt idx="323">
                  <c:v>43224.891435185185</c:v>
                </c:pt>
                <c:pt idx="324">
                  <c:v>43224.849791666667</c:v>
                </c:pt>
                <c:pt idx="325">
                  <c:v>43224.808159722219</c:v>
                </c:pt>
                <c:pt idx="326">
                  <c:v>43224.766550925924</c:v>
                </c:pt>
                <c:pt idx="327">
                  <c:v>43224.724895833337</c:v>
                </c:pt>
                <c:pt idx="328">
                  <c:v>43224.683252314811</c:v>
                </c:pt>
                <c:pt idx="329">
                  <c:v>43224.641608796293</c:v>
                </c:pt>
                <c:pt idx="330">
                  <c:v>43224.599976851852</c:v>
                </c:pt>
                <c:pt idx="331">
                  <c:v>43224.558368055557</c:v>
                </c:pt>
                <c:pt idx="332">
                  <c:v>43224.516736111109</c:v>
                </c:pt>
                <c:pt idx="333">
                  <c:v>43224.475092592591</c:v>
                </c:pt>
                <c:pt idx="334">
                  <c:v>43224.43346064815</c:v>
                </c:pt>
                <c:pt idx="335">
                  <c:v>43224.391793981478</c:v>
                </c:pt>
                <c:pt idx="336">
                  <c:v>43224.35015046296</c:v>
                </c:pt>
                <c:pt idx="337">
                  <c:v>43224.308541666665</c:v>
                </c:pt>
                <c:pt idx="338">
                  <c:v>43224.266909722224</c:v>
                </c:pt>
                <c:pt idx="339">
                  <c:v>43224.225277777776</c:v>
                </c:pt>
                <c:pt idx="340">
                  <c:v>43224.183645833335</c:v>
                </c:pt>
                <c:pt idx="341">
                  <c:v>43224.142002314817</c:v>
                </c:pt>
                <c:pt idx="342">
                  <c:v>43224.100439814814</c:v>
                </c:pt>
                <c:pt idx="343">
                  <c:v>43224.058865740742</c:v>
                </c:pt>
                <c:pt idx="344">
                  <c:v>43224.017256944448</c:v>
                </c:pt>
                <c:pt idx="345">
                  <c:v>43223.975648148145</c:v>
                </c:pt>
                <c:pt idx="346">
                  <c:v>43223.934120370373</c:v>
                </c:pt>
                <c:pt idx="347">
                  <c:v>43223.892500000002</c:v>
                </c:pt>
                <c:pt idx="348">
                  <c:v>43223.850914351853</c:v>
                </c:pt>
                <c:pt idx="349">
                  <c:v>43223.809317129628</c:v>
                </c:pt>
                <c:pt idx="350">
                  <c:v>43223.76767361111</c:v>
                </c:pt>
                <c:pt idx="351">
                  <c:v>43223.726064814815</c:v>
                </c:pt>
                <c:pt idx="352">
                  <c:v>43223.684444444443</c:v>
                </c:pt>
                <c:pt idx="353">
                  <c:v>43223.642835648148</c:v>
                </c:pt>
                <c:pt idx="354">
                  <c:v>43223.60119212963</c:v>
                </c:pt>
                <c:pt idx="355">
                  <c:v>43223.559583333335</c:v>
                </c:pt>
                <c:pt idx="356">
                  <c:v>43223.517951388887</c:v>
                </c:pt>
                <c:pt idx="357">
                  <c:v>43223.476342592592</c:v>
                </c:pt>
                <c:pt idx="358">
                  <c:v>43223.434733796297</c:v>
                </c:pt>
                <c:pt idx="359">
                  <c:v>43223.393090277779</c:v>
                </c:pt>
                <c:pt idx="360">
                  <c:v>43223.351469907408</c:v>
                </c:pt>
                <c:pt idx="361">
                  <c:v>43223.309861111113</c:v>
                </c:pt>
                <c:pt idx="362">
                  <c:v>43223.268206018518</c:v>
                </c:pt>
                <c:pt idx="363">
                  <c:v>43223.226585648146</c:v>
                </c:pt>
                <c:pt idx="364">
                  <c:v>43223.184953703705</c:v>
                </c:pt>
                <c:pt idx="365">
                  <c:v>43223.143333333333</c:v>
                </c:pt>
                <c:pt idx="366">
                  <c:v>43223.101724537039</c:v>
                </c:pt>
                <c:pt idx="367">
                  <c:v>43223.060104166667</c:v>
                </c:pt>
                <c:pt idx="368">
                  <c:v>43223.018460648149</c:v>
                </c:pt>
                <c:pt idx="369">
                  <c:v>43222.9768287037</c:v>
                </c:pt>
                <c:pt idx="370">
                  <c:v>43222.935208333336</c:v>
                </c:pt>
                <c:pt idx="371">
                  <c:v>43222.893553240741</c:v>
                </c:pt>
                <c:pt idx="372">
                  <c:v>43222.851979166669</c:v>
                </c:pt>
                <c:pt idx="373">
                  <c:v>43222.810416666667</c:v>
                </c:pt>
                <c:pt idx="374">
                  <c:v>43222.768784722219</c:v>
                </c:pt>
                <c:pt idx="375">
                  <c:v>43222.727152777778</c:v>
                </c:pt>
                <c:pt idx="376">
                  <c:v>43222.685532407406</c:v>
                </c:pt>
                <c:pt idx="377">
                  <c:v>43222.643923611111</c:v>
                </c:pt>
                <c:pt idx="378">
                  <c:v>43222.602337962962</c:v>
                </c:pt>
                <c:pt idx="379">
                  <c:v>43222.560729166667</c:v>
                </c:pt>
                <c:pt idx="380">
                  <c:v>43222.519120370373</c:v>
                </c:pt>
                <c:pt idx="381">
                  <c:v>43222.477488425924</c:v>
                </c:pt>
                <c:pt idx="382">
                  <c:v>43222.435902777775</c:v>
                </c:pt>
                <c:pt idx="383">
                  <c:v>43222.394270833334</c:v>
                </c:pt>
                <c:pt idx="384">
                  <c:v>43222.352743055555</c:v>
                </c:pt>
                <c:pt idx="385">
                  <c:v>43222.311122685183</c:v>
                </c:pt>
                <c:pt idx="386">
                  <c:v>43222.269606481481</c:v>
                </c:pt>
                <c:pt idx="387">
                  <c:v>43222.228009259263</c:v>
                </c:pt>
                <c:pt idx="388">
                  <c:v>43222.186377314814</c:v>
                </c:pt>
                <c:pt idx="389">
                  <c:v>43222.144837962966</c:v>
                </c:pt>
                <c:pt idx="390">
                  <c:v>43222.103217592594</c:v>
                </c:pt>
                <c:pt idx="391">
                  <c:v>43222.061597222222</c:v>
                </c:pt>
                <c:pt idx="392">
                  <c:v>43222.019988425927</c:v>
                </c:pt>
                <c:pt idx="393">
                  <c:v>43221.978472222225</c:v>
                </c:pt>
                <c:pt idx="394">
                  <c:v>43221.936840277776</c:v>
                </c:pt>
                <c:pt idx="395">
                  <c:v>43221.895243055558</c:v>
                </c:pt>
                <c:pt idx="396">
                  <c:v>43221.853680555556</c:v>
                </c:pt>
                <c:pt idx="397">
                  <c:v>43221.812060185184</c:v>
                </c:pt>
                <c:pt idx="398">
                  <c:v>43221.770497685182</c:v>
                </c:pt>
                <c:pt idx="399">
                  <c:v>43221.728854166664</c:v>
                </c:pt>
                <c:pt idx="400">
                  <c:v>43221.687222222223</c:v>
                </c:pt>
                <c:pt idx="401">
                  <c:v>43221.645590277774</c:v>
                </c:pt>
                <c:pt idx="402">
                  <c:v>43221.603935185187</c:v>
                </c:pt>
                <c:pt idx="403">
                  <c:v>43221.562291666669</c:v>
                </c:pt>
                <c:pt idx="404">
                  <c:v>43221.52065972222</c:v>
                </c:pt>
                <c:pt idx="405">
                  <c:v>43221.479050925926</c:v>
                </c:pt>
                <c:pt idx="406">
                  <c:v>43221.437476851854</c:v>
                </c:pt>
                <c:pt idx="407">
                  <c:v>43221.395833333336</c:v>
                </c:pt>
                <c:pt idx="408">
                  <c:v>43221.354224537034</c:v>
                </c:pt>
                <c:pt idx="409">
                  <c:v>43221.312604166669</c:v>
                </c:pt>
                <c:pt idx="410">
                  <c:v>43221.271018518521</c:v>
                </c:pt>
                <c:pt idx="411">
                  <c:v>43221.229467592595</c:v>
                </c:pt>
                <c:pt idx="412">
                  <c:v>43221.187939814816</c:v>
                </c:pt>
                <c:pt idx="413">
                  <c:v>43221.146365740744</c:v>
                </c:pt>
                <c:pt idx="414">
                  <c:v>43221.104837962965</c:v>
                </c:pt>
                <c:pt idx="415">
                  <c:v>43221.063217592593</c:v>
                </c:pt>
                <c:pt idx="416">
                  <c:v>43221.021608796298</c:v>
                </c:pt>
                <c:pt idx="417">
                  <c:v>43220.98</c:v>
                </c:pt>
                <c:pt idx="418">
                  <c:v>43220.938506944447</c:v>
                </c:pt>
                <c:pt idx="419">
                  <c:v>43220.896886574075</c:v>
                </c:pt>
                <c:pt idx="420">
                  <c:v>43220.855266203704</c:v>
                </c:pt>
                <c:pt idx="421">
                  <c:v>43220.813715277778</c:v>
                </c:pt>
                <c:pt idx="422">
                  <c:v>43220.772106481483</c:v>
                </c:pt>
                <c:pt idx="423">
                  <c:v>43220.730543981481</c:v>
                </c:pt>
                <c:pt idx="424">
                  <c:v>43220.688935185186</c:v>
                </c:pt>
                <c:pt idx="425">
                  <c:v>43220.647314814814</c:v>
                </c:pt>
                <c:pt idx="426">
                  <c:v>43220.605821759258</c:v>
                </c:pt>
                <c:pt idx="427">
                  <c:v>43220.564201388886</c:v>
                </c:pt>
                <c:pt idx="428">
                  <c:v>43220.522581018522</c:v>
                </c:pt>
                <c:pt idx="429">
                  <c:v>43220.48101851852</c:v>
                </c:pt>
                <c:pt idx="430">
                  <c:v>43220.439386574071</c:v>
                </c:pt>
                <c:pt idx="431">
                  <c:v>43220.397743055553</c:v>
                </c:pt>
                <c:pt idx="432">
                  <c:v>43220.356111111112</c:v>
                </c:pt>
                <c:pt idx="433">
                  <c:v>43220.314502314817</c:v>
                </c:pt>
                <c:pt idx="434">
                  <c:v>43220.272858796299</c:v>
                </c:pt>
                <c:pt idx="435">
                  <c:v>43220.231273148151</c:v>
                </c:pt>
                <c:pt idx="436">
                  <c:v>43220.189652777779</c:v>
                </c:pt>
                <c:pt idx="437">
                  <c:v>43220.148159722223</c:v>
                </c:pt>
                <c:pt idx="438">
                  <c:v>43220.106562499997</c:v>
                </c:pt>
                <c:pt idx="439">
                  <c:v>43220.065023148149</c:v>
                </c:pt>
                <c:pt idx="440">
                  <c:v>43220.0234375</c:v>
                </c:pt>
                <c:pt idx="441">
                  <c:v>43219.981909722221</c:v>
                </c:pt>
                <c:pt idx="442">
                  <c:v>43219.940358796295</c:v>
                </c:pt>
                <c:pt idx="443">
                  <c:v>43219.898726851854</c:v>
                </c:pt>
                <c:pt idx="444">
                  <c:v>43219.857094907406</c:v>
                </c:pt>
                <c:pt idx="445">
                  <c:v>43219.815532407411</c:v>
                </c:pt>
                <c:pt idx="446">
                  <c:v>43219.773969907408</c:v>
                </c:pt>
                <c:pt idx="447">
                  <c:v>43219.73238425926</c:v>
                </c:pt>
                <c:pt idx="448">
                  <c:v>43219.690798611111</c:v>
                </c:pt>
                <c:pt idx="449">
                  <c:v>43219.649224537039</c:v>
                </c:pt>
                <c:pt idx="450">
                  <c:v>43219.607604166667</c:v>
                </c:pt>
                <c:pt idx="451">
                  <c:v>43219.566041666665</c:v>
                </c:pt>
                <c:pt idx="452">
                  <c:v>43219.524398148147</c:v>
                </c:pt>
                <c:pt idx="453">
                  <c:v>43219.482870370368</c:v>
                </c:pt>
                <c:pt idx="454">
                  <c:v>43219.441238425927</c:v>
                </c:pt>
                <c:pt idx="455">
                  <c:v>43219.399606481478</c:v>
                </c:pt>
                <c:pt idx="456">
                  <c:v>43219.357974537037</c:v>
                </c:pt>
                <c:pt idx="457">
                  <c:v>43219.316365740742</c:v>
                </c:pt>
                <c:pt idx="458">
                  <c:v>43219.274756944447</c:v>
                </c:pt>
                <c:pt idx="459">
                  <c:v>43219.233148148145</c:v>
                </c:pt>
                <c:pt idx="460">
                  <c:v>43219.191550925927</c:v>
                </c:pt>
                <c:pt idx="461">
                  <c:v>43219.149988425925</c:v>
                </c:pt>
                <c:pt idx="462">
                  <c:v>43219.108449074076</c:v>
                </c:pt>
                <c:pt idx="463">
                  <c:v>43219.066817129627</c:v>
                </c:pt>
                <c:pt idx="464">
                  <c:v>43219.025254629632</c:v>
                </c:pt>
                <c:pt idx="465">
                  <c:v>43218.983680555553</c:v>
                </c:pt>
                <c:pt idx="466">
                  <c:v>43218.942129629628</c:v>
                </c:pt>
                <c:pt idx="467">
                  <c:v>43218.900567129633</c:v>
                </c:pt>
                <c:pt idx="468">
                  <c:v>43218.858993055554</c:v>
                </c:pt>
                <c:pt idx="469">
                  <c:v>43218.817361111112</c:v>
                </c:pt>
                <c:pt idx="470">
                  <c:v>43218.775729166664</c:v>
                </c:pt>
                <c:pt idx="471">
                  <c:v>43218.734166666669</c:v>
                </c:pt>
                <c:pt idx="472">
                  <c:v>43218.69253472222</c:v>
                </c:pt>
                <c:pt idx="473">
                  <c:v>43218.650995370372</c:v>
                </c:pt>
                <c:pt idx="474">
                  <c:v>43218.609432870369</c:v>
                </c:pt>
                <c:pt idx="475">
                  <c:v>43218.567858796298</c:v>
                </c:pt>
                <c:pt idx="476">
                  <c:v>43218.526250000003</c:v>
                </c:pt>
                <c:pt idx="477">
                  <c:v>43218.484618055554</c:v>
                </c:pt>
                <c:pt idx="478">
                  <c:v>43218.443090277775</c:v>
                </c:pt>
                <c:pt idx="479">
                  <c:v>43218.401469907411</c:v>
                </c:pt>
                <c:pt idx="480">
                  <c:v>43218.359826388885</c:v>
                </c:pt>
                <c:pt idx="481">
                  <c:v>43218.318182870367</c:v>
                </c:pt>
                <c:pt idx="482">
                  <c:v>43218.276550925926</c:v>
                </c:pt>
                <c:pt idx="483">
                  <c:v>43218.234930555554</c:v>
                </c:pt>
                <c:pt idx="484">
                  <c:v>43218.193310185183</c:v>
                </c:pt>
                <c:pt idx="485">
                  <c:v>43218.151678240742</c:v>
                </c:pt>
                <c:pt idx="486">
                  <c:v>43218.110115740739</c:v>
                </c:pt>
                <c:pt idx="487">
                  <c:v>43218.068564814814</c:v>
                </c:pt>
                <c:pt idx="488">
                  <c:v>43218.027002314811</c:v>
                </c:pt>
                <c:pt idx="489">
                  <c:v>43217.98542824074</c:v>
                </c:pt>
                <c:pt idx="490">
                  <c:v>43217.943842592591</c:v>
                </c:pt>
                <c:pt idx="491">
                  <c:v>43217.902222222219</c:v>
                </c:pt>
                <c:pt idx="492">
                  <c:v>43217.860590277778</c:v>
                </c:pt>
                <c:pt idx="493">
                  <c:v>43217.818969907406</c:v>
                </c:pt>
                <c:pt idx="494">
                  <c:v>43217.777361111112</c:v>
                </c:pt>
                <c:pt idx="495">
                  <c:v>43217.735729166663</c:v>
                </c:pt>
                <c:pt idx="496">
                  <c:v>43217.694085648145</c:v>
                </c:pt>
                <c:pt idx="497">
                  <c:v>43217.652511574073</c:v>
                </c:pt>
                <c:pt idx="498">
                  <c:v>43217.610983796294</c:v>
                </c:pt>
                <c:pt idx="499">
                  <c:v>43217.569386574076</c:v>
                </c:pt>
                <c:pt idx="500">
                  <c:v>43217.527824074074</c:v>
                </c:pt>
                <c:pt idx="501">
                  <c:v>43217.486296296294</c:v>
                </c:pt>
                <c:pt idx="502">
                  <c:v>43217.444791666669</c:v>
                </c:pt>
                <c:pt idx="503">
                  <c:v>43217.403194444443</c:v>
                </c:pt>
                <c:pt idx="504">
                  <c:v>43217.361562500002</c:v>
                </c:pt>
                <c:pt idx="505">
                  <c:v>43217.319918981484</c:v>
                </c:pt>
                <c:pt idx="506">
                  <c:v>43217.278368055559</c:v>
                </c:pt>
                <c:pt idx="507">
                  <c:v>43217.236770833333</c:v>
                </c:pt>
                <c:pt idx="508">
                  <c:v>43217.195115740738</c:v>
                </c:pt>
                <c:pt idx="509">
                  <c:v>43217.15351851852</c:v>
                </c:pt>
                <c:pt idx="510">
                  <c:v>43217.111944444441</c:v>
                </c:pt>
                <c:pt idx="511">
                  <c:v>43217.0703125</c:v>
                </c:pt>
                <c:pt idx="512">
                  <c:v>43217.028749999998</c:v>
                </c:pt>
                <c:pt idx="513">
                  <c:v>43216.987326388888</c:v>
                </c:pt>
                <c:pt idx="514">
                  <c:v>43216.945740740739</c:v>
                </c:pt>
                <c:pt idx="515">
                  <c:v>43216.904131944444</c:v>
                </c:pt>
                <c:pt idx="516">
                  <c:v>43216.862476851849</c:v>
                </c:pt>
                <c:pt idx="517">
                  <c:v>43216.820844907408</c:v>
                </c:pt>
                <c:pt idx="518">
                  <c:v>43216.779247685183</c:v>
                </c:pt>
                <c:pt idx="519">
                  <c:v>43216.737615740742</c:v>
                </c:pt>
                <c:pt idx="520">
                  <c:v>43216.695983796293</c:v>
                </c:pt>
                <c:pt idx="521">
                  <c:v>43216.654386574075</c:v>
                </c:pt>
                <c:pt idx="522">
                  <c:v>43216.612766203703</c:v>
                </c:pt>
                <c:pt idx="523">
                  <c:v>43216.571134259262</c:v>
                </c:pt>
                <c:pt idx="524">
                  <c:v>43216.529490740744</c:v>
                </c:pt>
                <c:pt idx="525">
                  <c:v>43216.495578703703</c:v>
                </c:pt>
                <c:pt idx="526">
                  <c:v>43216.487916666665</c:v>
                </c:pt>
                <c:pt idx="527">
                  <c:v>43216.446296296293</c:v>
                </c:pt>
                <c:pt idx="528">
                  <c:v>43216.404699074075</c:v>
                </c:pt>
                <c:pt idx="529">
                  <c:v>43216.363078703704</c:v>
                </c:pt>
                <c:pt idx="530">
                  <c:v>43216.321458333332</c:v>
                </c:pt>
                <c:pt idx="531">
                  <c:v>43216.279861111114</c:v>
                </c:pt>
                <c:pt idx="532">
                  <c:v>43216.238252314812</c:v>
                </c:pt>
                <c:pt idx="533">
                  <c:v>43216.196608796294</c:v>
                </c:pt>
                <c:pt idx="534">
                  <c:v>43216.154976851853</c:v>
                </c:pt>
                <c:pt idx="535">
                  <c:v>43216.113344907404</c:v>
                </c:pt>
                <c:pt idx="536">
                  <c:v>43216.071701388886</c:v>
                </c:pt>
                <c:pt idx="537">
                  <c:v>43216.030104166668</c:v>
                </c:pt>
                <c:pt idx="538">
                  <c:v>43215.988506944443</c:v>
                </c:pt>
                <c:pt idx="539">
                  <c:v>43215.946909722225</c:v>
                </c:pt>
                <c:pt idx="540">
                  <c:v>43215.905324074076</c:v>
                </c:pt>
                <c:pt idx="541">
                  <c:v>43215.863738425927</c:v>
                </c:pt>
                <c:pt idx="542">
                  <c:v>43215.822118055556</c:v>
                </c:pt>
                <c:pt idx="543">
                  <c:v>43215.780509259261</c:v>
                </c:pt>
                <c:pt idx="544">
                  <c:v>43215.738888888889</c:v>
                </c:pt>
                <c:pt idx="545">
                  <c:v>43215.69730324074</c:v>
                </c:pt>
                <c:pt idx="546">
                  <c:v>43215.655671296299</c:v>
                </c:pt>
                <c:pt idx="547">
                  <c:v>43215.614039351851</c:v>
                </c:pt>
                <c:pt idx="548">
                  <c:v>43215.572418981479</c:v>
                </c:pt>
                <c:pt idx="549">
                  <c:v>43215.530775462961</c:v>
                </c:pt>
                <c:pt idx="550">
                  <c:v>43215.489155092589</c:v>
                </c:pt>
                <c:pt idx="551">
                  <c:v>43215.447534722225</c:v>
                </c:pt>
                <c:pt idx="552">
                  <c:v>43215.405902777777</c:v>
                </c:pt>
                <c:pt idx="553">
                  <c:v>43215.364282407405</c:v>
                </c:pt>
                <c:pt idx="554">
                  <c:v>43215.322638888887</c:v>
                </c:pt>
                <c:pt idx="555">
                  <c:v>43215.281030092592</c:v>
                </c:pt>
                <c:pt idx="556">
                  <c:v>43215.239421296297</c:v>
                </c:pt>
                <c:pt idx="557">
                  <c:v>43215.197777777779</c:v>
                </c:pt>
                <c:pt idx="558">
                  <c:v>43215.156134259261</c:v>
                </c:pt>
                <c:pt idx="559">
                  <c:v>43215.114502314813</c:v>
                </c:pt>
                <c:pt idx="560">
                  <c:v>43215.072870370372</c:v>
                </c:pt>
                <c:pt idx="561">
                  <c:v>43215.031238425923</c:v>
                </c:pt>
                <c:pt idx="562">
                  <c:v>43214.989583333336</c:v>
                </c:pt>
                <c:pt idx="563">
                  <c:v>43214.94798611111</c:v>
                </c:pt>
                <c:pt idx="564">
                  <c:v>43214.906365740739</c:v>
                </c:pt>
                <c:pt idx="565">
                  <c:v>43214.86478009259</c:v>
                </c:pt>
                <c:pt idx="566">
                  <c:v>43214.823159722226</c:v>
                </c:pt>
                <c:pt idx="567">
                  <c:v>43214.781597222223</c:v>
                </c:pt>
                <c:pt idx="568">
                  <c:v>43214.739976851852</c:v>
                </c:pt>
                <c:pt idx="569">
                  <c:v>43214.698379629626</c:v>
                </c:pt>
                <c:pt idx="570">
                  <c:v>43214.656770833331</c:v>
                </c:pt>
                <c:pt idx="571">
                  <c:v>43214.61515046296</c:v>
                </c:pt>
                <c:pt idx="572">
                  <c:v>43214.573553240742</c:v>
                </c:pt>
                <c:pt idx="573">
                  <c:v>43214.531956018516</c:v>
                </c:pt>
                <c:pt idx="574">
                  <c:v>43214.490324074075</c:v>
                </c:pt>
                <c:pt idx="575">
                  <c:v>43214.448680555557</c:v>
                </c:pt>
                <c:pt idx="576">
                  <c:v>43214.407071759262</c:v>
                </c:pt>
                <c:pt idx="577">
                  <c:v>43214.365428240744</c:v>
                </c:pt>
                <c:pt idx="578">
                  <c:v>43214.323807870373</c:v>
                </c:pt>
                <c:pt idx="579">
                  <c:v>43214.282175925924</c:v>
                </c:pt>
                <c:pt idx="580">
                  <c:v>43214.240567129629</c:v>
                </c:pt>
                <c:pt idx="581">
                  <c:v>43214.198935185188</c:v>
                </c:pt>
                <c:pt idx="582">
                  <c:v>43214.15729166667</c:v>
                </c:pt>
                <c:pt idx="583">
                  <c:v>43214.115648148145</c:v>
                </c:pt>
                <c:pt idx="584">
                  <c:v>43214.07402777778</c:v>
                </c:pt>
                <c:pt idx="585">
                  <c:v>43214.032442129632</c:v>
                </c:pt>
                <c:pt idx="586">
                  <c:v>43213.990810185183</c:v>
                </c:pt>
                <c:pt idx="587">
                  <c:v>43213.949201388888</c:v>
                </c:pt>
                <c:pt idx="588">
                  <c:v>43213.907581018517</c:v>
                </c:pt>
                <c:pt idx="589">
                  <c:v>43213.865960648145</c:v>
                </c:pt>
                <c:pt idx="590">
                  <c:v>43213.824340277781</c:v>
                </c:pt>
                <c:pt idx="591">
                  <c:v>43213.782696759263</c:v>
                </c:pt>
                <c:pt idx="592">
                  <c:v>43213.741053240738</c:v>
                </c:pt>
                <c:pt idx="593">
                  <c:v>43213.524756944447</c:v>
                </c:pt>
                <c:pt idx="594">
                  <c:v>43213.483113425929</c:v>
                </c:pt>
                <c:pt idx="595">
                  <c:v>43213.441493055558</c:v>
                </c:pt>
                <c:pt idx="596">
                  <c:v>43213.399872685186</c:v>
                </c:pt>
                <c:pt idx="597">
                  <c:v>43213.358229166668</c:v>
                </c:pt>
                <c:pt idx="598">
                  <c:v>43213.31659722222</c:v>
                </c:pt>
                <c:pt idx="599">
                  <c:v>43213.274942129632</c:v>
                </c:pt>
                <c:pt idx="600">
                  <c:v>43213.233298611114</c:v>
                </c:pt>
                <c:pt idx="601">
                  <c:v>43213.191689814812</c:v>
                </c:pt>
                <c:pt idx="602">
                  <c:v>43213.150185185186</c:v>
                </c:pt>
                <c:pt idx="603">
                  <c:v>43213.108541666668</c:v>
                </c:pt>
                <c:pt idx="604">
                  <c:v>43213.066979166666</c:v>
                </c:pt>
                <c:pt idx="605">
                  <c:v>43213.025381944448</c:v>
                </c:pt>
                <c:pt idx="606">
                  <c:v>43212.983831018515</c:v>
                </c:pt>
                <c:pt idx="607">
                  <c:v>43212.942245370374</c:v>
                </c:pt>
                <c:pt idx="608">
                  <c:v>43212.900717592594</c:v>
                </c:pt>
                <c:pt idx="609">
                  <c:v>43212.859143518515</c:v>
                </c:pt>
                <c:pt idx="610">
                  <c:v>43212.81753472222</c:v>
                </c:pt>
                <c:pt idx="611">
                  <c:v>43212.775902777779</c:v>
                </c:pt>
                <c:pt idx="612">
                  <c:v>43212.734259259261</c:v>
                </c:pt>
                <c:pt idx="613">
                  <c:v>43212.692673611113</c:v>
                </c:pt>
                <c:pt idx="614">
                  <c:v>43212.65111111111</c:v>
                </c:pt>
                <c:pt idx="615">
                  <c:v>43212.609606481485</c:v>
                </c:pt>
                <c:pt idx="616">
                  <c:v>43212.568078703705</c:v>
                </c:pt>
                <c:pt idx="617">
                  <c:v>43212.526423611111</c:v>
                </c:pt>
                <c:pt idx="618">
                  <c:v>43212.484803240739</c:v>
                </c:pt>
                <c:pt idx="619">
                  <c:v>43212.44321759259</c:v>
                </c:pt>
                <c:pt idx="620">
                  <c:v>43212.401689814818</c:v>
                </c:pt>
                <c:pt idx="621">
                  <c:v>43212.36005787037</c:v>
                </c:pt>
                <c:pt idx="622">
                  <c:v>43212.318472222221</c:v>
                </c:pt>
                <c:pt idx="623">
                  <c:v>43212.276828703703</c:v>
                </c:pt>
                <c:pt idx="624">
                  <c:v>43212.235208333332</c:v>
                </c:pt>
                <c:pt idx="625">
                  <c:v>43212.19358796296</c:v>
                </c:pt>
                <c:pt idx="626">
                  <c:v>43212.152002314811</c:v>
                </c:pt>
                <c:pt idx="627">
                  <c:v>43212.110405092593</c:v>
                </c:pt>
                <c:pt idx="628">
                  <c:v>43212.068877314814</c:v>
                </c:pt>
                <c:pt idx="629">
                  <c:v>43212.027256944442</c:v>
                </c:pt>
                <c:pt idx="630">
                  <c:v>43211.985659722224</c:v>
                </c:pt>
                <c:pt idx="631">
                  <c:v>43211.944062499999</c:v>
                </c:pt>
                <c:pt idx="632">
                  <c:v>43211.902511574073</c:v>
                </c:pt>
                <c:pt idx="633">
                  <c:v>43211.860902777778</c:v>
                </c:pt>
                <c:pt idx="634">
                  <c:v>43211.81931712963</c:v>
                </c:pt>
                <c:pt idx="635">
                  <c:v>43211.777719907404</c:v>
                </c:pt>
                <c:pt idx="636">
                  <c:v>43211.736122685186</c:v>
                </c:pt>
                <c:pt idx="637">
                  <c:v>43211.694490740738</c:v>
                </c:pt>
                <c:pt idx="638">
                  <c:v>43211.652881944443</c:v>
                </c:pt>
                <c:pt idx="639">
                  <c:v>43211.611250000002</c:v>
                </c:pt>
                <c:pt idx="640">
                  <c:v>43211.569675925923</c:v>
                </c:pt>
                <c:pt idx="641">
                  <c:v>43211.528124999997</c:v>
                </c:pt>
                <c:pt idx="642">
                  <c:v>43211.486516203702</c:v>
                </c:pt>
                <c:pt idx="643">
                  <c:v>43211.44494212963</c:v>
                </c:pt>
                <c:pt idx="644">
                  <c:v>43211.403321759259</c:v>
                </c:pt>
                <c:pt idx="645">
                  <c:v>43211.361712962964</c:v>
                </c:pt>
                <c:pt idx="646">
                  <c:v>43211.320115740738</c:v>
                </c:pt>
                <c:pt idx="647">
                  <c:v>43211.278506944444</c:v>
                </c:pt>
                <c:pt idx="648">
                  <c:v>43211.236851851849</c:v>
                </c:pt>
                <c:pt idx="649">
                  <c:v>43211.1952662037</c:v>
                </c:pt>
                <c:pt idx="650">
                  <c:v>43211.153645833336</c:v>
                </c:pt>
                <c:pt idx="651">
                  <c:v>43211.112164351849</c:v>
                </c:pt>
                <c:pt idx="652">
                  <c:v>43211.070567129631</c:v>
                </c:pt>
                <c:pt idx="653">
                  <c:v>43211.028981481482</c:v>
                </c:pt>
                <c:pt idx="654">
                  <c:v>43210.987442129626</c:v>
                </c:pt>
                <c:pt idx="655">
                  <c:v>43210.945798611108</c:v>
                </c:pt>
                <c:pt idx="656">
                  <c:v>43210.90425925926</c:v>
                </c:pt>
                <c:pt idx="657">
                  <c:v>43210.862627314818</c:v>
                </c:pt>
                <c:pt idx="658">
                  <c:v>43210.820983796293</c:v>
                </c:pt>
                <c:pt idx="659">
                  <c:v>43210.779351851852</c:v>
                </c:pt>
                <c:pt idx="660">
                  <c:v>43210.737743055557</c:v>
                </c:pt>
                <c:pt idx="661">
                  <c:v>43210.696087962962</c:v>
                </c:pt>
                <c:pt idx="662">
                  <c:v>43210.654502314814</c:v>
                </c:pt>
                <c:pt idx="663">
                  <c:v>43210.612905092596</c:v>
                </c:pt>
                <c:pt idx="664">
                  <c:v>43210.571319444447</c:v>
                </c:pt>
                <c:pt idx="665">
                  <c:v>43210.529687499999</c:v>
                </c:pt>
                <c:pt idx="666">
                  <c:v>43210.488125000003</c:v>
                </c:pt>
                <c:pt idx="667">
                  <c:v>43210.446527777778</c:v>
                </c:pt>
                <c:pt idx="668">
                  <c:v>43210.40488425926</c:v>
                </c:pt>
                <c:pt idx="669">
                  <c:v>43210.363263888888</c:v>
                </c:pt>
                <c:pt idx="670">
                  <c:v>43210.321712962963</c:v>
                </c:pt>
                <c:pt idx="671">
                  <c:v>43210.280104166668</c:v>
                </c:pt>
                <c:pt idx="672">
                  <c:v>43210.238483796296</c:v>
                </c:pt>
                <c:pt idx="673">
                  <c:v>43210.196863425925</c:v>
                </c:pt>
                <c:pt idx="674">
                  <c:v>43210.155347222222</c:v>
                </c:pt>
                <c:pt idx="675">
                  <c:v>43210.11383101852</c:v>
                </c:pt>
                <c:pt idx="676">
                  <c:v>43210.072222222225</c:v>
                </c:pt>
                <c:pt idx="677">
                  <c:v>43210.030671296299</c:v>
                </c:pt>
                <c:pt idx="678">
                  <c:v>43209.989062499997</c:v>
                </c:pt>
                <c:pt idx="679">
                  <c:v>43209.947488425925</c:v>
                </c:pt>
                <c:pt idx="680">
                  <c:v>43209.905914351853</c:v>
                </c:pt>
                <c:pt idx="681">
                  <c:v>43209.864340277774</c:v>
                </c:pt>
                <c:pt idx="682">
                  <c:v>43209.822731481479</c:v>
                </c:pt>
                <c:pt idx="683">
                  <c:v>43209.781087962961</c:v>
                </c:pt>
                <c:pt idx="684">
                  <c:v>43209.73945601852</c:v>
                </c:pt>
                <c:pt idx="685">
                  <c:v>43209.697824074072</c:v>
                </c:pt>
                <c:pt idx="686">
                  <c:v>43209.656192129631</c:v>
                </c:pt>
                <c:pt idx="687">
                  <c:v>43209.406736111108</c:v>
                </c:pt>
                <c:pt idx="688">
                  <c:v>43209.281828703701</c:v>
                </c:pt>
                <c:pt idx="689">
                  <c:v>43209.240231481483</c:v>
                </c:pt>
                <c:pt idx="690">
                  <c:v>43209.198599537034</c:v>
                </c:pt>
                <c:pt idx="691">
                  <c:v>43209.15697916667</c:v>
                </c:pt>
                <c:pt idx="692">
                  <c:v>43209.115381944444</c:v>
                </c:pt>
                <c:pt idx="693">
                  <c:v>43209.032175925924</c:v>
                </c:pt>
                <c:pt idx="694">
                  <c:v>43208.990532407406</c:v>
                </c:pt>
                <c:pt idx="695">
                  <c:v>43208.907268518517</c:v>
                </c:pt>
                <c:pt idx="696">
                  <c:v>43208.740752314814</c:v>
                </c:pt>
                <c:pt idx="697">
                  <c:v>43208.699143518519</c:v>
                </c:pt>
                <c:pt idx="698">
                  <c:v>43208.657557870371</c:v>
                </c:pt>
                <c:pt idx="699">
                  <c:v>43208.615937499999</c:v>
                </c:pt>
                <c:pt idx="700">
                  <c:v>43208.574317129627</c:v>
                </c:pt>
                <c:pt idx="701">
                  <c:v>43208.53266203704</c:v>
                </c:pt>
                <c:pt idx="702">
                  <c:v>43208.491041666668</c:v>
                </c:pt>
                <c:pt idx="703">
                  <c:v>43208.44940972222</c:v>
                </c:pt>
                <c:pt idx="704">
                  <c:v>43208.407754629632</c:v>
                </c:pt>
                <c:pt idx="705">
                  <c:v>43208.366157407407</c:v>
                </c:pt>
                <c:pt idx="706">
                  <c:v>43208.324537037035</c:v>
                </c:pt>
                <c:pt idx="707">
                  <c:v>43208.282916666663</c:v>
                </c:pt>
                <c:pt idx="708">
                  <c:v>43208.241284722222</c:v>
                </c:pt>
                <c:pt idx="709">
                  <c:v>43208.199664351851</c:v>
                </c:pt>
                <c:pt idx="710">
                  <c:v>43208.158032407409</c:v>
                </c:pt>
                <c:pt idx="711">
                  <c:v>43208.033125000002</c:v>
                </c:pt>
                <c:pt idx="712">
                  <c:v>43207.991516203707</c:v>
                </c:pt>
                <c:pt idx="713">
                  <c:v>43207.949930555558</c:v>
                </c:pt>
                <c:pt idx="714">
                  <c:v>43207.825023148151</c:v>
                </c:pt>
                <c:pt idx="715">
                  <c:v>43207.783391203702</c:v>
                </c:pt>
                <c:pt idx="716">
                  <c:v>43207.741759259261</c:v>
                </c:pt>
                <c:pt idx="717">
                  <c:v>43207.616886574076</c:v>
                </c:pt>
                <c:pt idx="718">
                  <c:v>43207.575277777774</c:v>
                </c:pt>
                <c:pt idx="719">
                  <c:v>43207.533645833333</c:v>
                </c:pt>
                <c:pt idx="720">
                  <c:v>43207.492025462961</c:v>
                </c:pt>
                <c:pt idx="721">
                  <c:v>43207.408784722225</c:v>
                </c:pt>
                <c:pt idx="722">
                  <c:v>43207.367152777777</c:v>
                </c:pt>
                <c:pt idx="723">
                  <c:v>43207.325532407405</c:v>
                </c:pt>
                <c:pt idx="724">
                  <c:v>43207.242256944446</c:v>
                </c:pt>
                <c:pt idx="725">
                  <c:v>43207.15896990741</c:v>
                </c:pt>
                <c:pt idx="726">
                  <c:v>43207.117326388892</c:v>
                </c:pt>
                <c:pt idx="727">
                  <c:v>43207.075729166667</c:v>
                </c:pt>
                <c:pt idx="728">
                  <c:v>43207.034074074072</c:v>
                </c:pt>
                <c:pt idx="729">
                  <c:v>43206.992476851854</c:v>
                </c:pt>
                <c:pt idx="730">
                  <c:v>43206.825960648152</c:v>
                </c:pt>
                <c:pt idx="731">
                  <c:v>43206.784328703703</c:v>
                </c:pt>
                <c:pt idx="732">
                  <c:v>43206.742685185185</c:v>
                </c:pt>
                <c:pt idx="733">
                  <c:v>43206.576226851852</c:v>
                </c:pt>
                <c:pt idx="734">
                  <c:v>43206.53460648148</c:v>
                </c:pt>
                <c:pt idx="735">
                  <c:v>43206.451377314814</c:v>
                </c:pt>
                <c:pt idx="736">
                  <c:v>43206.409756944442</c:v>
                </c:pt>
                <c:pt idx="737">
                  <c:v>43206.368136574078</c:v>
                </c:pt>
                <c:pt idx="738">
                  <c:v>43206.326527777775</c:v>
                </c:pt>
                <c:pt idx="739">
                  <c:v>43206.284907407404</c:v>
                </c:pt>
                <c:pt idx="740">
                  <c:v>43206.243287037039</c:v>
                </c:pt>
                <c:pt idx="741">
                  <c:v>43206.201643518521</c:v>
                </c:pt>
                <c:pt idx="742">
                  <c:v>43206.160011574073</c:v>
                </c:pt>
                <c:pt idx="743">
                  <c:v>43206.076770833337</c:v>
                </c:pt>
                <c:pt idx="744">
                  <c:v>43206.035138888888</c:v>
                </c:pt>
                <c:pt idx="745">
                  <c:v>43205.99355324074</c:v>
                </c:pt>
                <c:pt idx="746">
                  <c:v>43205.951944444445</c:v>
                </c:pt>
                <c:pt idx="747">
                  <c:v>43205.868703703702</c:v>
                </c:pt>
                <c:pt idx="748">
                  <c:v>43205.827094907407</c:v>
                </c:pt>
                <c:pt idx="749">
                  <c:v>43205.785486111112</c:v>
                </c:pt>
                <c:pt idx="750">
                  <c:v>43205.743854166663</c:v>
                </c:pt>
                <c:pt idx="751">
                  <c:v>43205.702222222222</c:v>
                </c:pt>
                <c:pt idx="752">
                  <c:v>43205.660590277781</c:v>
                </c:pt>
                <c:pt idx="753">
                  <c:v>43205.618946759256</c:v>
                </c:pt>
                <c:pt idx="754">
                  <c:v>43205.535821759258</c:v>
                </c:pt>
                <c:pt idx="755">
                  <c:v>43205.494155092594</c:v>
                </c:pt>
                <c:pt idx="756">
                  <c:v>43205.452523148146</c:v>
                </c:pt>
                <c:pt idx="757">
                  <c:v>43205.410879629628</c:v>
                </c:pt>
                <c:pt idx="758">
                  <c:v>43205.369247685187</c:v>
                </c:pt>
                <c:pt idx="759">
                  <c:v>43205.286030092589</c:v>
                </c:pt>
                <c:pt idx="760">
                  <c:v>43205.244375000002</c:v>
                </c:pt>
                <c:pt idx="761">
                  <c:v>43205.202800925923</c:v>
                </c:pt>
                <c:pt idx="762">
                  <c:v>43205.161145833335</c:v>
                </c:pt>
                <c:pt idx="763">
                  <c:v>43205.119525462964</c:v>
                </c:pt>
                <c:pt idx="764">
                  <c:v>43205.077939814815</c:v>
                </c:pt>
                <c:pt idx="765">
                  <c:v>43205.036435185182</c:v>
                </c:pt>
                <c:pt idx="766">
                  <c:v>43204.995011574072</c:v>
                </c:pt>
                <c:pt idx="767">
                  <c:v>43204.911840277775</c:v>
                </c:pt>
                <c:pt idx="768">
                  <c:v>43204.828611111108</c:v>
                </c:pt>
                <c:pt idx="769">
                  <c:v>43204.745358796295</c:v>
                </c:pt>
                <c:pt idx="770">
                  <c:v>43204.620451388888</c:v>
                </c:pt>
                <c:pt idx="771">
                  <c:v>43204.537199074075</c:v>
                </c:pt>
                <c:pt idx="772">
                  <c:v>43204.453981481478</c:v>
                </c:pt>
                <c:pt idx="773">
                  <c:v>43204.41233796296</c:v>
                </c:pt>
                <c:pt idx="774">
                  <c:v>43204.370752314811</c:v>
                </c:pt>
                <c:pt idx="775">
                  <c:v>43204.287627314814</c:v>
                </c:pt>
                <c:pt idx="776">
                  <c:v>43204.204386574071</c:v>
                </c:pt>
                <c:pt idx="777">
                  <c:v>43204.162835648145</c:v>
                </c:pt>
                <c:pt idx="778">
                  <c:v>43204.121180555558</c:v>
                </c:pt>
                <c:pt idx="779">
                  <c:v>43204.03806712963</c:v>
                </c:pt>
                <c:pt idx="780">
                  <c:v>43203.996423611112</c:v>
                </c:pt>
                <c:pt idx="781">
                  <c:v>43203.954918981479</c:v>
                </c:pt>
                <c:pt idx="782">
                  <c:v>43203.913310185184</c:v>
                </c:pt>
                <c:pt idx="783">
                  <c:v>43203.871701388889</c:v>
                </c:pt>
                <c:pt idx="784">
                  <c:v>43203.830069444448</c:v>
                </c:pt>
                <c:pt idx="785">
                  <c:v>43203.788460648146</c:v>
                </c:pt>
                <c:pt idx="786">
                  <c:v>43203.746828703705</c:v>
                </c:pt>
                <c:pt idx="787">
                  <c:v>43203.705196759256</c:v>
                </c:pt>
                <c:pt idx="788">
                  <c:v>43203.62195601852</c:v>
                </c:pt>
                <c:pt idx="789">
                  <c:v>43203.580324074072</c:v>
                </c:pt>
                <c:pt idx="790">
                  <c:v>43203.497129629628</c:v>
                </c:pt>
                <c:pt idx="791">
                  <c:v>43203.413854166669</c:v>
                </c:pt>
                <c:pt idx="792">
                  <c:v>43203.37222222222</c:v>
                </c:pt>
                <c:pt idx="793">
                  <c:v>43203.288981481484</c:v>
                </c:pt>
                <c:pt idx="794">
                  <c:v>43203.247361111113</c:v>
                </c:pt>
                <c:pt idx="795">
                  <c:v>43203.080891203703</c:v>
                </c:pt>
                <c:pt idx="796">
                  <c:v>43203.039340277777</c:v>
                </c:pt>
                <c:pt idx="797">
                  <c:v>43202.997685185182</c:v>
                </c:pt>
                <c:pt idx="798">
                  <c:v>43202.956076388888</c:v>
                </c:pt>
                <c:pt idx="799">
                  <c:v>43202.914467592593</c:v>
                </c:pt>
                <c:pt idx="800">
                  <c:v>43202.872881944444</c:v>
                </c:pt>
                <c:pt idx="801">
                  <c:v>43202.831273148149</c:v>
                </c:pt>
                <c:pt idx="802">
                  <c:v>43202.789629629631</c:v>
                </c:pt>
                <c:pt idx="803">
                  <c:v>43202.747997685183</c:v>
                </c:pt>
                <c:pt idx="804">
                  <c:v>43202.664733796293</c:v>
                </c:pt>
                <c:pt idx="805">
                  <c:v>43202.623124999998</c:v>
                </c:pt>
                <c:pt idx="806">
                  <c:v>43202.581504629627</c:v>
                </c:pt>
                <c:pt idx="807">
                  <c:v>43202.581504629627</c:v>
                </c:pt>
                <c:pt idx="808">
                  <c:v>43202.539884259262</c:v>
                </c:pt>
                <c:pt idx="809">
                  <c:v>43202.456712962965</c:v>
                </c:pt>
                <c:pt idx="810">
                  <c:v>43202.331828703704</c:v>
                </c:pt>
                <c:pt idx="811">
                  <c:v>43202.248622685183</c:v>
                </c:pt>
                <c:pt idx="812">
                  <c:v>43202.206967592596</c:v>
                </c:pt>
                <c:pt idx="813">
                  <c:v>43202.04047453704</c:v>
                </c:pt>
                <c:pt idx="814">
                  <c:v>43201.957256944443</c:v>
                </c:pt>
                <c:pt idx="815">
                  <c:v>43201.915613425925</c:v>
                </c:pt>
                <c:pt idx="816">
                  <c:v>43201.874062499999</c:v>
                </c:pt>
                <c:pt idx="817">
                  <c:v>43201.832453703704</c:v>
                </c:pt>
                <c:pt idx="818">
                  <c:v>43201.790810185186</c:v>
                </c:pt>
                <c:pt idx="819">
                  <c:v>43201.750358796293</c:v>
                </c:pt>
                <c:pt idx="820">
                  <c:v>43201.541076388887</c:v>
                </c:pt>
                <c:pt idx="821">
                  <c:v>43201.499537037038</c:v>
                </c:pt>
                <c:pt idx="822">
                  <c:v>43201.416319444441</c:v>
                </c:pt>
                <c:pt idx="823">
                  <c:v>43201.374745370369</c:v>
                </c:pt>
                <c:pt idx="824">
                  <c:v>43201.208437499998</c:v>
                </c:pt>
                <c:pt idx="825">
                  <c:v>43201.166898148149</c:v>
                </c:pt>
                <c:pt idx="826">
                  <c:v>43201.083703703705</c:v>
                </c:pt>
                <c:pt idx="827">
                  <c:v>43200.875821759262</c:v>
                </c:pt>
                <c:pt idx="828">
                  <c:v>43200.792569444442</c:v>
                </c:pt>
                <c:pt idx="829">
                  <c:v>43200.750937500001</c:v>
                </c:pt>
                <c:pt idx="830">
                  <c:v>43200.709317129629</c:v>
                </c:pt>
                <c:pt idx="831">
                  <c:v>43200.667673611111</c:v>
                </c:pt>
                <c:pt idx="832">
                  <c:v>43200.62604166667</c:v>
                </c:pt>
                <c:pt idx="833">
                  <c:v>43200.584421296298</c:v>
                </c:pt>
                <c:pt idx="834">
                  <c:v>43200.54278935185</c:v>
                </c:pt>
                <c:pt idx="835">
                  <c:v>43200.501168981478</c:v>
                </c:pt>
                <c:pt idx="836">
                  <c:v>43200.459537037037</c:v>
                </c:pt>
                <c:pt idx="837">
                  <c:v>43200.417893518519</c:v>
                </c:pt>
                <c:pt idx="838">
                  <c:v>43200.376273148147</c:v>
                </c:pt>
                <c:pt idx="839">
                  <c:v>43200.334664351853</c:v>
                </c:pt>
                <c:pt idx="840">
                  <c:v>43200.293032407404</c:v>
                </c:pt>
                <c:pt idx="841">
                  <c:v>43200.251400462963</c:v>
                </c:pt>
                <c:pt idx="842">
                  <c:v>43200.209814814814</c:v>
                </c:pt>
                <c:pt idx="843">
                  <c:v>43200.168171296296</c:v>
                </c:pt>
                <c:pt idx="844">
                  <c:v>43200.126574074071</c:v>
                </c:pt>
                <c:pt idx="845">
                  <c:v>43200.043333333335</c:v>
                </c:pt>
                <c:pt idx="846">
                  <c:v>43200.001689814817</c:v>
                </c:pt>
                <c:pt idx="847">
                  <c:v>43199.960081018522</c:v>
                </c:pt>
                <c:pt idx="848">
                  <c:v>43199.876840277779</c:v>
                </c:pt>
                <c:pt idx="849">
                  <c:v>43199.835347222222</c:v>
                </c:pt>
                <c:pt idx="850">
                  <c:v>43199.793738425928</c:v>
                </c:pt>
                <c:pt idx="851">
                  <c:v>43199.710486111115</c:v>
                </c:pt>
                <c:pt idx="852">
                  <c:v>43199.668842592589</c:v>
                </c:pt>
                <c:pt idx="853">
                  <c:v>43199.627199074072</c:v>
                </c:pt>
                <c:pt idx="854">
                  <c:v>43199.460694444446</c:v>
                </c:pt>
                <c:pt idx="855">
                  <c:v>43199.419131944444</c:v>
                </c:pt>
                <c:pt idx="856">
                  <c:v>43199.377534722225</c:v>
                </c:pt>
                <c:pt idx="857">
                  <c:v>43199.3359837963</c:v>
                </c:pt>
                <c:pt idx="858">
                  <c:v>43199.294374999998</c:v>
                </c:pt>
                <c:pt idx="859">
                  <c:v>43199.252789351849</c:v>
                </c:pt>
                <c:pt idx="860">
                  <c:v>43199.211180555554</c:v>
                </c:pt>
                <c:pt idx="861">
                  <c:v>43199.169594907406</c:v>
                </c:pt>
                <c:pt idx="862">
                  <c:v>43199.127951388888</c:v>
                </c:pt>
                <c:pt idx="863">
                  <c:v>43199.086331018516</c:v>
                </c:pt>
                <c:pt idx="864">
                  <c:v>43199.003148148149</c:v>
                </c:pt>
                <c:pt idx="865">
                  <c:v>43198.961504629631</c:v>
                </c:pt>
                <c:pt idx="866">
                  <c:v>43198.91988425926</c:v>
                </c:pt>
                <c:pt idx="867">
                  <c:v>43198.878263888888</c:v>
                </c:pt>
                <c:pt idx="868">
                  <c:v>43198.836678240739</c:v>
                </c:pt>
                <c:pt idx="869">
                  <c:v>43198.795046296298</c:v>
                </c:pt>
                <c:pt idx="870">
                  <c:v>43198.753391203703</c:v>
                </c:pt>
                <c:pt idx="871">
                  <c:v>43198.711782407408</c:v>
                </c:pt>
                <c:pt idx="872">
                  <c:v>43198.628530092596</c:v>
                </c:pt>
                <c:pt idx="873">
                  <c:v>43198.586898148147</c:v>
                </c:pt>
                <c:pt idx="874">
                  <c:v>43198.545289351852</c:v>
                </c:pt>
                <c:pt idx="875">
                  <c:v>43198.503668981481</c:v>
                </c:pt>
                <c:pt idx="876">
                  <c:v>43198.462037037039</c:v>
                </c:pt>
                <c:pt idx="877">
                  <c:v>43198.378796296296</c:v>
                </c:pt>
                <c:pt idx="878">
                  <c:v>43198.253946759258</c:v>
                </c:pt>
                <c:pt idx="879">
                  <c:v>43198.21230324074</c:v>
                </c:pt>
                <c:pt idx="880">
                  <c:v>43198.170659722222</c:v>
                </c:pt>
                <c:pt idx="881">
                  <c:v>43198.12908564815</c:v>
                </c:pt>
                <c:pt idx="882">
                  <c:v>43198.087453703702</c:v>
                </c:pt>
                <c:pt idx="883">
                  <c:v>43198.04583333333</c:v>
                </c:pt>
                <c:pt idx="884">
                  <c:v>43197.962581018517</c:v>
                </c:pt>
                <c:pt idx="885">
                  <c:v>43197.920949074076</c:v>
                </c:pt>
                <c:pt idx="886">
                  <c:v>43197.879317129627</c:v>
                </c:pt>
                <c:pt idx="887">
                  <c:v>43197.837685185186</c:v>
                </c:pt>
                <c:pt idx="888">
                  <c:v>43197.796053240738</c:v>
                </c:pt>
                <c:pt idx="889">
                  <c:v>43197.75440972222</c:v>
                </c:pt>
                <c:pt idx="890">
                  <c:v>43197.712777777779</c:v>
                </c:pt>
                <c:pt idx="891">
                  <c:v>43197.67114583333</c:v>
                </c:pt>
                <c:pt idx="892">
                  <c:v>43197.629502314812</c:v>
                </c:pt>
                <c:pt idx="893">
                  <c:v>43197.587905092594</c:v>
                </c:pt>
                <c:pt idx="894">
                  <c:v>43197.546273148146</c:v>
                </c:pt>
                <c:pt idx="895">
                  <c:v>43197.421412037038</c:v>
                </c:pt>
                <c:pt idx="896">
                  <c:v>43197.379837962966</c:v>
                </c:pt>
                <c:pt idx="897">
                  <c:v>43197.2966087963</c:v>
                </c:pt>
                <c:pt idx="898">
                  <c:v>43197.254976851851</c:v>
                </c:pt>
                <c:pt idx="899">
                  <c:v>43197.213356481479</c:v>
                </c:pt>
                <c:pt idx="900">
                  <c:v>43197.13009259259</c:v>
                </c:pt>
                <c:pt idx="901">
                  <c:v>43197.088460648149</c:v>
                </c:pt>
                <c:pt idx="902">
                  <c:v>43197.0468287037</c:v>
                </c:pt>
                <c:pt idx="903">
                  <c:v>43197.005185185182</c:v>
                </c:pt>
                <c:pt idx="904">
                  <c:v>43196.963599537034</c:v>
                </c:pt>
                <c:pt idx="905">
                  <c:v>43196.921979166669</c:v>
                </c:pt>
                <c:pt idx="906">
                  <c:v>43196.880358796298</c:v>
                </c:pt>
                <c:pt idx="907">
                  <c:v>43196.838761574072</c:v>
                </c:pt>
                <c:pt idx="908">
                  <c:v>43196.755474537036</c:v>
                </c:pt>
                <c:pt idx="909">
                  <c:v>43196.713842592595</c:v>
                </c:pt>
                <c:pt idx="910">
                  <c:v>43196.672222222223</c:v>
                </c:pt>
                <c:pt idx="911">
                  <c:v>43196.630578703705</c:v>
                </c:pt>
                <c:pt idx="912">
                  <c:v>43196.50582175926</c:v>
                </c:pt>
                <c:pt idx="913">
                  <c:v>43196.464178240742</c:v>
                </c:pt>
                <c:pt idx="914">
                  <c:v>43196.297766203701</c:v>
                </c:pt>
                <c:pt idx="915">
                  <c:v>43196.25613425926</c:v>
                </c:pt>
                <c:pt idx="916">
                  <c:v>43196.172905092593</c:v>
                </c:pt>
                <c:pt idx="917">
                  <c:v>43196.131273148145</c:v>
                </c:pt>
                <c:pt idx="918">
                  <c:v>43196.048043981478</c:v>
                </c:pt>
                <c:pt idx="919">
                  <c:v>43196.00644675926</c:v>
                </c:pt>
                <c:pt idx="920">
                  <c:v>43195.964849537035</c:v>
                </c:pt>
                <c:pt idx="921">
                  <c:v>43195.756712962961</c:v>
                </c:pt>
                <c:pt idx="922">
                  <c:v>43195.715092592596</c:v>
                </c:pt>
                <c:pt idx="923">
                  <c:v>43195.673449074071</c:v>
                </c:pt>
                <c:pt idx="924">
                  <c:v>43195.631840277776</c:v>
                </c:pt>
                <c:pt idx="925">
                  <c:v>43195.46533564815</c:v>
                </c:pt>
                <c:pt idx="926">
                  <c:v>43195.340439814812</c:v>
                </c:pt>
                <c:pt idx="927">
                  <c:v>43195.298819444448</c:v>
                </c:pt>
                <c:pt idx="928">
                  <c:v>43195.257210648146</c:v>
                </c:pt>
                <c:pt idx="929">
                  <c:v>43195.215590277781</c:v>
                </c:pt>
                <c:pt idx="930">
                  <c:v>43195.173946759256</c:v>
                </c:pt>
                <c:pt idx="931">
                  <c:v>43195.09065972222</c:v>
                </c:pt>
                <c:pt idx="932">
                  <c:v>43195.049027777779</c:v>
                </c:pt>
                <c:pt idx="933">
                  <c:v>43195.007418981484</c:v>
                </c:pt>
                <c:pt idx="934">
                  <c:v>43194.924178240741</c:v>
                </c:pt>
                <c:pt idx="935">
                  <c:v>43194.757673611108</c:v>
                </c:pt>
                <c:pt idx="936">
                  <c:v>43194.716041666667</c:v>
                </c:pt>
                <c:pt idx="937">
                  <c:v>43194.674398148149</c:v>
                </c:pt>
                <c:pt idx="938">
                  <c:v>43194.591157407405</c:v>
                </c:pt>
                <c:pt idx="939">
                  <c:v>43194.549571759257</c:v>
                </c:pt>
                <c:pt idx="940">
                  <c:v>43194.466400462959</c:v>
                </c:pt>
                <c:pt idx="941">
                  <c:v>43194.424756944441</c:v>
                </c:pt>
                <c:pt idx="942">
                  <c:v>43194.383206018516</c:v>
                </c:pt>
                <c:pt idx="943">
                  <c:v>43194.217094907406</c:v>
                </c:pt>
                <c:pt idx="944">
                  <c:v>43194.17560185185</c:v>
                </c:pt>
                <c:pt idx="945">
                  <c:v>43194.134062500001</c:v>
                </c:pt>
                <c:pt idx="946">
                  <c:v>43194.092488425929</c:v>
                </c:pt>
                <c:pt idx="947">
                  <c:v>43194.009386574071</c:v>
                </c:pt>
                <c:pt idx="948">
                  <c:v>43193.967812499999</c:v>
                </c:pt>
                <c:pt idx="949">
                  <c:v>43193.843032407407</c:v>
                </c:pt>
                <c:pt idx="950">
                  <c:v>43193.801458333335</c:v>
                </c:pt>
                <c:pt idx="951">
                  <c:v>43193.759837962964</c:v>
                </c:pt>
                <c:pt idx="952">
                  <c:v>43193.718206018515</c:v>
                </c:pt>
                <c:pt idx="953">
                  <c:v>43193.676550925928</c:v>
                </c:pt>
                <c:pt idx="954">
                  <c:v>43193.635115740741</c:v>
                </c:pt>
                <c:pt idx="955">
                  <c:v>43193.593530092592</c:v>
                </c:pt>
                <c:pt idx="956">
                  <c:v>43193.551932870374</c:v>
                </c:pt>
                <c:pt idx="957">
                  <c:v>43193.510335648149</c:v>
                </c:pt>
                <c:pt idx="958">
                  <c:v>43193.4687962963</c:v>
                </c:pt>
                <c:pt idx="959">
                  <c:v>43193.427245370367</c:v>
                </c:pt>
                <c:pt idx="960">
                  <c:v>43193.385706018518</c:v>
                </c:pt>
                <c:pt idx="961">
                  <c:v>43193.30259259259</c:v>
                </c:pt>
                <c:pt idx="962">
                  <c:v>43193.260949074072</c:v>
                </c:pt>
                <c:pt idx="963">
                  <c:v>43193.219444444447</c:v>
                </c:pt>
                <c:pt idx="964">
                  <c:v>43193.094571759262</c:v>
                </c:pt>
                <c:pt idx="965">
                  <c:v>43193.052986111114</c:v>
                </c:pt>
                <c:pt idx="966">
                  <c:v>43192.928159722222</c:v>
                </c:pt>
                <c:pt idx="967">
                  <c:v>43192.886574074073</c:v>
                </c:pt>
                <c:pt idx="968">
                  <c:v>43192.803391203706</c:v>
                </c:pt>
                <c:pt idx="969">
                  <c:v>43192.720138888886</c:v>
                </c:pt>
                <c:pt idx="970">
                  <c:v>43192.678530092591</c:v>
                </c:pt>
                <c:pt idx="971">
                  <c:v>43192.637048611112</c:v>
                </c:pt>
                <c:pt idx="972">
                  <c:v>43192.595243055555</c:v>
                </c:pt>
                <c:pt idx="973">
                  <c:v>43192.553703703707</c:v>
                </c:pt>
                <c:pt idx="974">
                  <c:v>43192.51222222222</c:v>
                </c:pt>
                <c:pt idx="975">
                  <c:v>43192.470578703702</c:v>
                </c:pt>
                <c:pt idx="976">
                  <c:v>43192.42895833333</c:v>
                </c:pt>
                <c:pt idx="977">
                  <c:v>43192.387326388889</c:v>
                </c:pt>
                <c:pt idx="978">
                  <c:v>43192.387326388889</c:v>
                </c:pt>
                <c:pt idx="979">
                  <c:v>43192.345706018517</c:v>
                </c:pt>
                <c:pt idx="980">
                  <c:v>43192.304166666669</c:v>
                </c:pt>
                <c:pt idx="981">
                  <c:v>43192.262627314813</c:v>
                </c:pt>
                <c:pt idx="982">
                  <c:v>43192.220983796295</c:v>
                </c:pt>
                <c:pt idx="983">
                  <c:v>43192.179456018515</c:v>
                </c:pt>
                <c:pt idx="984">
                  <c:v>43192.13784722222</c:v>
                </c:pt>
                <c:pt idx="985">
                  <c:v>43192.096203703702</c:v>
                </c:pt>
                <c:pt idx="986">
                  <c:v>43192.054583333331</c:v>
                </c:pt>
                <c:pt idx="987">
                  <c:v>43192.012986111113</c:v>
                </c:pt>
                <c:pt idx="988">
                  <c:v>43191.971365740741</c:v>
                </c:pt>
                <c:pt idx="989">
                  <c:v>43191.929826388892</c:v>
                </c:pt>
                <c:pt idx="990">
                  <c:v>43191.888240740744</c:v>
                </c:pt>
                <c:pt idx="991">
                  <c:v>43191.846608796295</c:v>
                </c:pt>
                <c:pt idx="992">
                  <c:v>43191.805</c:v>
                </c:pt>
                <c:pt idx="993">
                  <c:v>43191.763402777775</c:v>
                </c:pt>
                <c:pt idx="994">
                  <c:v>43191.721782407411</c:v>
                </c:pt>
                <c:pt idx="995">
                  <c:v>43191.680173611108</c:v>
                </c:pt>
                <c:pt idx="996">
                  <c:v>43191.63853009259</c:v>
                </c:pt>
                <c:pt idx="997">
                  <c:v>43191.596909722219</c:v>
                </c:pt>
                <c:pt idx="998">
                  <c:v>43191.555289351854</c:v>
                </c:pt>
                <c:pt idx="999">
                  <c:v>43191.513645833336</c:v>
                </c:pt>
                <c:pt idx="1000">
                  <c:v>43191.472013888888</c:v>
                </c:pt>
                <c:pt idx="1001">
                  <c:v>43191.430405092593</c:v>
                </c:pt>
                <c:pt idx="1002">
                  <c:v>43191.388784722221</c:v>
                </c:pt>
                <c:pt idx="1003">
                  <c:v>43191.263958333337</c:v>
                </c:pt>
                <c:pt idx="1004">
                  <c:v>43191.222372685188</c:v>
                </c:pt>
                <c:pt idx="1005">
                  <c:v>43191.18072916667</c:v>
                </c:pt>
                <c:pt idx="1006">
                  <c:v>43191.097638888888</c:v>
                </c:pt>
                <c:pt idx="1007">
                  <c:v>43191.056203703702</c:v>
                </c:pt>
                <c:pt idx="1008">
                  <c:v>43191.014652777776</c:v>
                </c:pt>
                <c:pt idx="1009">
                  <c:v>43190.973032407404</c:v>
                </c:pt>
                <c:pt idx="1010">
                  <c:v>43190.931435185186</c:v>
                </c:pt>
                <c:pt idx="1011">
                  <c:v>43190.889780092592</c:v>
                </c:pt>
                <c:pt idx="1012">
                  <c:v>43190.848171296297</c:v>
                </c:pt>
                <c:pt idx="1013">
                  <c:v>43190.806550925925</c:v>
                </c:pt>
                <c:pt idx="1014">
                  <c:v>43190.764907407407</c:v>
                </c:pt>
                <c:pt idx="1015">
                  <c:v>43190.723298611112</c:v>
                </c:pt>
                <c:pt idx="1016">
                  <c:v>43190.681701388887</c:v>
                </c:pt>
                <c:pt idx="1017">
                  <c:v>43190.640069444446</c:v>
                </c:pt>
                <c:pt idx="1018">
                  <c:v>43190.598449074074</c:v>
                </c:pt>
                <c:pt idx="1019">
                  <c:v>43190.556817129633</c:v>
                </c:pt>
                <c:pt idx="1020">
                  <c:v>43190.515196759261</c:v>
                </c:pt>
                <c:pt idx="1021">
                  <c:v>43190.473553240743</c:v>
                </c:pt>
                <c:pt idx="1022">
                  <c:v>43190.431921296295</c:v>
                </c:pt>
                <c:pt idx="1023">
                  <c:v>43190.390266203707</c:v>
                </c:pt>
                <c:pt idx="1024">
                  <c:v>43190.307013888887</c:v>
                </c:pt>
                <c:pt idx="1025">
                  <c:v>43190.265381944446</c:v>
                </c:pt>
                <c:pt idx="1026">
                  <c:v>43190.223761574074</c:v>
                </c:pt>
                <c:pt idx="1027">
                  <c:v>43190.182129629633</c:v>
                </c:pt>
                <c:pt idx="1028">
                  <c:v>43190.140497685185</c:v>
                </c:pt>
                <c:pt idx="1029">
                  <c:v>43190.098865740743</c:v>
                </c:pt>
                <c:pt idx="1030">
                  <c:v>43190.015613425923</c:v>
                </c:pt>
                <c:pt idx="1031">
                  <c:v>43189.973981481482</c:v>
                </c:pt>
                <c:pt idx="1032">
                  <c:v>43189.932372685187</c:v>
                </c:pt>
                <c:pt idx="1033">
                  <c:v>43189.890729166669</c:v>
                </c:pt>
                <c:pt idx="1034">
                  <c:v>43189.849085648151</c:v>
                </c:pt>
                <c:pt idx="1035">
                  <c:v>43189.807453703703</c:v>
                </c:pt>
                <c:pt idx="1036">
                  <c:v>43189.765821759262</c:v>
                </c:pt>
                <c:pt idx="1037">
                  <c:v>43189.72420138889</c:v>
                </c:pt>
                <c:pt idx="1038">
                  <c:v>43189.682569444441</c:v>
                </c:pt>
                <c:pt idx="1039">
                  <c:v>43189.640925925924</c:v>
                </c:pt>
                <c:pt idx="1040">
                  <c:v>43189.599293981482</c:v>
                </c:pt>
                <c:pt idx="1041">
                  <c:v>43189.557650462964</c:v>
                </c:pt>
                <c:pt idx="1042">
                  <c:v>43189.516018518516</c:v>
                </c:pt>
                <c:pt idx="1043">
                  <c:v>43189.474398148152</c:v>
                </c:pt>
                <c:pt idx="1044">
                  <c:v>43189.43277777778</c:v>
                </c:pt>
                <c:pt idx="1045">
                  <c:v>43189.391168981485</c:v>
                </c:pt>
                <c:pt idx="1046">
                  <c:v>43189.349548611113</c:v>
                </c:pt>
                <c:pt idx="1047">
                  <c:v>43189.307905092595</c:v>
                </c:pt>
                <c:pt idx="1048">
                  <c:v>43189.224664351852</c:v>
                </c:pt>
                <c:pt idx="1049">
                  <c:v>43189.183113425926</c:v>
                </c:pt>
                <c:pt idx="1050">
                  <c:v>43189.141504629632</c:v>
                </c:pt>
                <c:pt idx="1051">
                  <c:v>43189.099872685183</c:v>
                </c:pt>
                <c:pt idx="1052">
                  <c:v>43189.058229166665</c:v>
                </c:pt>
                <c:pt idx="1053">
                  <c:v>43189.016712962963</c:v>
                </c:pt>
                <c:pt idx="1054">
                  <c:v>43188.975092592591</c:v>
                </c:pt>
                <c:pt idx="1055">
                  <c:v>43188.933483796296</c:v>
                </c:pt>
                <c:pt idx="1056">
                  <c:v>43188.850300925929</c:v>
                </c:pt>
                <c:pt idx="1057">
                  <c:v>43188.808715277781</c:v>
                </c:pt>
                <c:pt idx="1058">
                  <c:v>43188.767152777778</c:v>
                </c:pt>
                <c:pt idx="1059">
                  <c:v>43188.72552083333</c:v>
                </c:pt>
                <c:pt idx="1060">
                  <c:v>43188.683877314812</c:v>
                </c:pt>
                <c:pt idx="1061">
                  <c:v>43188.642268518517</c:v>
                </c:pt>
                <c:pt idx="1062">
                  <c:v>43188.600636574076</c:v>
                </c:pt>
                <c:pt idx="1063">
                  <c:v>43188.517442129632</c:v>
                </c:pt>
                <c:pt idx="1064">
                  <c:v>43188.475810185184</c:v>
                </c:pt>
                <c:pt idx="1065">
                  <c:v>43188.434212962966</c:v>
                </c:pt>
                <c:pt idx="1066">
                  <c:v>43188.392604166664</c:v>
                </c:pt>
                <c:pt idx="1067">
                  <c:v>43188.350960648146</c:v>
                </c:pt>
                <c:pt idx="1068">
                  <c:v>43188.309317129628</c:v>
                </c:pt>
                <c:pt idx="1069">
                  <c:v>43188.267743055556</c:v>
                </c:pt>
                <c:pt idx="1070">
                  <c:v>43188.226111111115</c:v>
                </c:pt>
                <c:pt idx="1071">
                  <c:v>43188.184687499997</c:v>
                </c:pt>
                <c:pt idx="1072">
                  <c:v>43188.143171296295</c:v>
                </c:pt>
                <c:pt idx="1073">
                  <c:v>43188.101574074077</c:v>
                </c:pt>
                <c:pt idx="1074">
                  <c:v>43188.059942129628</c:v>
                </c:pt>
                <c:pt idx="1075">
                  <c:v>43188.018333333333</c:v>
                </c:pt>
                <c:pt idx="1076">
                  <c:v>43187.976689814815</c:v>
                </c:pt>
                <c:pt idx="1077">
                  <c:v>43187.935057870367</c:v>
                </c:pt>
                <c:pt idx="1078">
                  <c:v>43187.893414351849</c:v>
                </c:pt>
                <c:pt idx="1079">
                  <c:v>43187.851805555554</c:v>
                </c:pt>
                <c:pt idx="1080">
                  <c:v>43187.810173611113</c:v>
                </c:pt>
                <c:pt idx="1081">
                  <c:v>43187.768553240741</c:v>
                </c:pt>
                <c:pt idx="1082">
                  <c:v>43187.72693287037</c:v>
                </c:pt>
                <c:pt idx="1083">
                  <c:v>43187.685324074075</c:v>
                </c:pt>
                <c:pt idx="1084">
                  <c:v>43187.643761574072</c:v>
                </c:pt>
                <c:pt idx="1085">
                  <c:v>43187.602129629631</c:v>
                </c:pt>
                <c:pt idx="1086">
                  <c:v>43187.560578703706</c:v>
                </c:pt>
                <c:pt idx="1087">
                  <c:v>43187.518935185188</c:v>
                </c:pt>
                <c:pt idx="1088">
                  <c:v>43187.477303240739</c:v>
                </c:pt>
                <c:pt idx="1089">
                  <c:v>43187.435671296298</c:v>
                </c:pt>
                <c:pt idx="1090">
                  <c:v>43187.39403935185</c:v>
                </c:pt>
                <c:pt idx="1091">
                  <c:v>43187.352395833332</c:v>
                </c:pt>
                <c:pt idx="1092">
                  <c:v>43187.310810185183</c:v>
                </c:pt>
                <c:pt idx="1093">
                  <c:v>43187.269259259258</c:v>
                </c:pt>
                <c:pt idx="1094">
                  <c:v>43187.22760416667</c:v>
                </c:pt>
                <c:pt idx="1095">
                  <c:v>43187.185972222222</c:v>
                </c:pt>
                <c:pt idx="1096">
                  <c:v>43187.14435185185</c:v>
                </c:pt>
                <c:pt idx="1097">
                  <c:v>43187.102731481478</c:v>
                </c:pt>
                <c:pt idx="1098">
                  <c:v>43187.061099537037</c:v>
                </c:pt>
                <c:pt idx="1099">
                  <c:v>43187.019479166665</c:v>
                </c:pt>
                <c:pt idx="1100">
                  <c:v>43186.977847222224</c:v>
                </c:pt>
                <c:pt idx="1101">
                  <c:v>43186.936226851853</c:v>
                </c:pt>
                <c:pt idx="1102">
                  <c:v>43186.894606481481</c:v>
                </c:pt>
                <c:pt idx="1103">
                  <c:v>43186.853009259263</c:v>
                </c:pt>
                <c:pt idx="1104">
                  <c:v>43186.811400462961</c:v>
                </c:pt>
                <c:pt idx="1105">
                  <c:v>43186.769768518519</c:v>
                </c:pt>
                <c:pt idx="1106">
                  <c:v>43186.728125000001</c:v>
                </c:pt>
                <c:pt idx="1107">
                  <c:v>43186.686516203707</c:v>
                </c:pt>
                <c:pt idx="1108">
                  <c:v>43186.644884259258</c:v>
                </c:pt>
                <c:pt idx="1109">
                  <c:v>43186.603263888886</c:v>
                </c:pt>
                <c:pt idx="1110">
                  <c:v>43186.561620370368</c:v>
                </c:pt>
                <c:pt idx="1111">
                  <c:v>43186.519988425927</c:v>
                </c:pt>
                <c:pt idx="1112">
                  <c:v>43186.478344907409</c:v>
                </c:pt>
                <c:pt idx="1113">
                  <c:v>43186.436724537038</c:v>
                </c:pt>
                <c:pt idx="1114">
                  <c:v>43186.395092592589</c:v>
                </c:pt>
                <c:pt idx="1115">
                  <c:v>43186.353460648148</c:v>
                </c:pt>
                <c:pt idx="1116">
                  <c:v>43186.311840277776</c:v>
                </c:pt>
                <c:pt idx="1117">
                  <c:v>43186.270208333335</c:v>
                </c:pt>
                <c:pt idx="1118">
                  <c:v>43186.228587962964</c:v>
                </c:pt>
                <c:pt idx="1119">
                  <c:v>43186.186990740738</c:v>
                </c:pt>
                <c:pt idx="1120">
                  <c:v>43186.145370370374</c:v>
                </c:pt>
                <c:pt idx="1121">
                  <c:v>43186.103750000002</c:v>
                </c:pt>
                <c:pt idx="1122">
                  <c:v>43186.020497685182</c:v>
                </c:pt>
                <c:pt idx="1123">
                  <c:v>43185.9372337963</c:v>
                </c:pt>
                <c:pt idx="1124">
                  <c:v>43185.895624999997</c:v>
                </c:pt>
                <c:pt idx="1125">
                  <c:v>43185.853993055556</c:v>
                </c:pt>
                <c:pt idx="1126">
                  <c:v>43185.812361111108</c:v>
                </c:pt>
                <c:pt idx="1127">
                  <c:v>43185.77071759259</c:v>
                </c:pt>
                <c:pt idx="1128">
                  <c:v>43185.729120370372</c:v>
                </c:pt>
                <c:pt idx="1129">
                  <c:v>43185.687511574077</c:v>
                </c:pt>
                <c:pt idx="1130">
                  <c:v>43185.645902777775</c:v>
                </c:pt>
              </c:numCache>
            </c:numRef>
          </c:xVal>
          <c:yVal>
            <c:numRef>
              <c:f>グラフ!$I$6:$I$1136</c:f>
              <c:numCache>
                <c:formatCode>0.0</c:formatCode>
                <c:ptCount val="1131"/>
                <c:pt idx="0">
                  <c:v>56.2</c:v>
                </c:pt>
                <c:pt idx="1">
                  <c:v>55.2</c:v>
                </c:pt>
                <c:pt idx="2">
                  <c:v>55.2</c:v>
                </c:pt>
                <c:pt idx="3">
                  <c:v>55.2</c:v>
                </c:pt>
                <c:pt idx="4">
                  <c:v>54.7</c:v>
                </c:pt>
                <c:pt idx="5">
                  <c:v>54.7</c:v>
                </c:pt>
                <c:pt idx="6">
                  <c:v>54.7</c:v>
                </c:pt>
                <c:pt idx="7">
                  <c:v>54.2</c:v>
                </c:pt>
                <c:pt idx="8">
                  <c:v>53.8</c:v>
                </c:pt>
                <c:pt idx="9">
                  <c:v>53.3</c:v>
                </c:pt>
                <c:pt idx="10">
                  <c:v>51.3</c:v>
                </c:pt>
                <c:pt idx="11">
                  <c:v>50.8</c:v>
                </c:pt>
                <c:pt idx="12">
                  <c:v>50.8</c:v>
                </c:pt>
                <c:pt idx="13">
                  <c:v>50.3</c:v>
                </c:pt>
                <c:pt idx="14">
                  <c:v>49.9</c:v>
                </c:pt>
                <c:pt idx="15">
                  <c:v>49.9</c:v>
                </c:pt>
                <c:pt idx="16">
                  <c:v>49.4</c:v>
                </c:pt>
                <c:pt idx="17">
                  <c:v>48.9</c:v>
                </c:pt>
                <c:pt idx="18">
                  <c:v>46.9</c:v>
                </c:pt>
                <c:pt idx="19">
                  <c:v>46.4</c:v>
                </c:pt>
                <c:pt idx="20">
                  <c:v>43</c:v>
                </c:pt>
                <c:pt idx="21">
                  <c:v>42.5</c:v>
                </c:pt>
                <c:pt idx="22">
                  <c:v>41.6</c:v>
                </c:pt>
                <c:pt idx="23">
                  <c:v>39.6</c:v>
                </c:pt>
                <c:pt idx="24">
                  <c:v>33.700000000000003</c:v>
                </c:pt>
                <c:pt idx="25">
                  <c:v>33.700000000000003</c:v>
                </c:pt>
                <c:pt idx="26">
                  <c:v>33.700000000000003</c:v>
                </c:pt>
                <c:pt idx="27">
                  <c:v>33.700000000000003</c:v>
                </c:pt>
                <c:pt idx="28">
                  <c:v>33.700000000000003</c:v>
                </c:pt>
                <c:pt idx="29">
                  <c:v>33.700000000000003</c:v>
                </c:pt>
                <c:pt idx="30">
                  <c:v>33.299999999999997</c:v>
                </c:pt>
                <c:pt idx="31">
                  <c:v>33.299999999999997</c:v>
                </c:pt>
                <c:pt idx="32">
                  <c:v>33.299999999999997</c:v>
                </c:pt>
                <c:pt idx="33">
                  <c:v>32.799999999999997</c:v>
                </c:pt>
                <c:pt idx="34">
                  <c:v>30.3</c:v>
                </c:pt>
                <c:pt idx="35">
                  <c:v>30.3</c:v>
                </c:pt>
                <c:pt idx="36">
                  <c:v>29.8</c:v>
                </c:pt>
                <c:pt idx="37">
                  <c:v>29.3</c:v>
                </c:pt>
                <c:pt idx="38">
                  <c:v>27.4</c:v>
                </c:pt>
                <c:pt idx="39">
                  <c:v>25</c:v>
                </c:pt>
                <c:pt idx="40">
                  <c:v>23</c:v>
                </c:pt>
                <c:pt idx="41">
                  <c:v>18.100000000000001</c:v>
                </c:pt>
                <c:pt idx="42">
                  <c:v>16.2</c:v>
                </c:pt>
                <c:pt idx="43">
                  <c:v>15.2</c:v>
                </c:pt>
                <c:pt idx="44">
                  <c:v>14.2</c:v>
                </c:pt>
                <c:pt idx="45">
                  <c:v>14.2</c:v>
                </c:pt>
                <c:pt idx="46">
                  <c:v>13.7</c:v>
                </c:pt>
                <c:pt idx="47">
                  <c:v>13.7</c:v>
                </c:pt>
                <c:pt idx="48">
                  <c:v>13.2</c:v>
                </c:pt>
                <c:pt idx="49">
                  <c:v>13.2</c:v>
                </c:pt>
                <c:pt idx="50">
                  <c:v>13.2</c:v>
                </c:pt>
                <c:pt idx="51">
                  <c:v>13.2</c:v>
                </c:pt>
                <c:pt idx="52">
                  <c:v>13.2</c:v>
                </c:pt>
                <c:pt idx="53">
                  <c:v>13.2</c:v>
                </c:pt>
                <c:pt idx="54">
                  <c:v>13.2</c:v>
                </c:pt>
                <c:pt idx="55">
                  <c:v>13.2</c:v>
                </c:pt>
                <c:pt idx="56">
                  <c:v>12.7</c:v>
                </c:pt>
                <c:pt idx="57">
                  <c:v>12.7</c:v>
                </c:pt>
                <c:pt idx="58">
                  <c:v>12.7</c:v>
                </c:pt>
                <c:pt idx="59">
                  <c:v>12.3</c:v>
                </c:pt>
                <c:pt idx="60">
                  <c:v>12.3</c:v>
                </c:pt>
                <c:pt idx="61">
                  <c:v>12.3</c:v>
                </c:pt>
                <c:pt idx="62">
                  <c:v>11.8</c:v>
                </c:pt>
                <c:pt idx="63">
                  <c:v>11.8</c:v>
                </c:pt>
                <c:pt idx="64">
                  <c:v>11.3</c:v>
                </c:pt>
                <c:pt idx="65">
                  <c:v>11.3</c:v>
                </c:pt>
                <c:pt idx="66">
                  <c:v>10.8</c:v>
                </c:pt>
                <c:pt idx="67">
                  <c:v>10.8</c:v>
                </c:pt>
                <c:pt idx="68">
                  <c:v>10.8</c:v>
                </c:pt>
                <c:pt idx="69">
                  <c:v>10.8</c:v>
                </c:pt>
                <c:pt idx="70">
                  <c:v>10.8</c:v>
                </c:pt>
                <c:pt idx="71">
                  <c:v>10.8</c:v>
                </c:pt>
                <c:pt idx="72">
                  <c:v>10.8</c:v>
                </c:pt>
                <c:pt idx="73">
                  <c:v>10.8</c:v>
                </c:pt>
                <c:pt idx="74">
                  <c:v>10.8</c:v>
                </c:pt>
                <c:pt idx="75">
                  <c:v>10.8</c:v>
                </c:pt>
                <c:pt idx="76">
                  <c:v>10.8</c:v>
                </c:pt>
                <c:pt idx="77">
                  <c:v>10.8</c:v>
                </c:pt>
                <c:pt idx="78">
                  <c:v>10.8</c:v>
                </c:pt>
                <c:pt idx="79">
                  <c:v>10.8</c:v>
                </c:pt>
                <c:pt idx="80">
                  <c:v>10.8</c:v>
                </c:pt>
                <c:pt idx="81">
                  <c:v>10.8</c:v>
                </c:pt>
                <c:pt idx="82">
                  <c:v>10.8</c:v>
                </c:pt>
                <c:pt idx="83">
                  <c:v>10.8</c:v>
                </c:pt>
                <c:pt idx="84">
                  <c:v>10.8</c:v>
                </c:pt>
                <c:pt idx="85">
                  <c:v>10.8</c:v>
                </c:pt>
                <c:pt idx="86">
                  <c:v>10.8</c:v>
                </c:pt>
                <c:pt idx="87">
                  <c:v>10.8</c:v>
                </c:pt>
                <c:pt idx="88">
                  <c:v>10.8</c:v>
                </c:pt>
                <c:pt idx="89">
                  <c:v>10.8</c:v>
                </c:pt>
                <c:pt idx="90">
                  <c:v>10.8</c:v>
                </c:pt>
                <c:pt idx="91">
                  <c:v>10.8</c:v>
                </c:pt>
                <c:pt idx="92">
                  <c:v>10.8</c:v>
                </c:pt>
                <c:pt idx="93">
                  <c:v>10.3</c:v>
                </c:pt>
                <c:pt idx="94">
                  <c:v>10.3</c:v>
                </c:pt>
                <c:pt idx="95">
                  <c:v>10.8</c:v>
                </c:pt>
                <c:pt idx="96">
                  <c:v>10.8</c:v>
                </c:pt>
                <c:pt idx="97">
                  <c:v>10.8</c:v>
                </c:pt>
                <c:pt idx="98">
                  <c:v>10.8</c:v>
                </c:pt>
                <c:pt idx="99">
                  <c:v>10.8</c:v>
                </c:pt>
                <c:pt idx="100">
                  <c:v>10.8</c:v>
                </c:pt>
                <c:pt idx="101">
                  <c:v>10.8</c:v>
                </c:pt>
                <c:pt idx="102">
                  <c:v>10.8</c:v>
                </c:pt>
                <c:pt idx="103">
                  <c:v>10.8</c:v>
                </c:pt>
                <c:pt idx="104">
                  <c:v>10.8</c:v>
                </c:pt>
                <c:pt idx="105">
                  <c:v>10.8</c:v>
                </c:pt>
                <c:pt idx="106">
                  <c:v>11.3</c:v>
                </c:pt>
                <c:pt idx="107">
                  <c:v>11.3</c:v>
                </c:pt>
                <c:pt idx="108">
                  <c:v>11.3</c:v>
                </c:pt>
                <c:pt idx="109">
                  <c:v>11.3</c:v>
                </c:pt>
                <c:pt idx="110">
                  <c:v>11.3</c:v>
                </c:pt>
                <c:pt idx="111">
                  <c:v>11.3</c:v>
                </c:pt>
                <c:pt idx="112">
                  <c:v>11.3</c:v>
                </c:pt>
                <c:pt idx="113">
                  <c:v>11.3</c:v>
                </c:pt>
                <c:pt idx="114">
                  <c:v>11.3</c:v>
                </c:pt>
                <c:pt idx="115">
                  <c:v>11.3</c:v>
                </c:pt>
                <c:pt idx="116">
                  <c:v>11.3</c:v>
                </c:pt>
                <c:pt idx="117">
                  <c:v>11.3</c:v>
                </c:pt>
                <c:pt idx="118">
                  <c:v>11.3</c:v>
                </c:pt>
                <c:pt idx="119">
                  <c:v>11.3</c:v>
                </c:pt>
                <c:pt idx="120">
                  <c:v>11.3</c:v>
                </c:pt>
                <c:pt idx="121">
                  <c:v>11.3</c:v>
                </c:pt>
                <c:pt idx="122">
                  <c:v>11.3</c:v>
                </c:pt>
                <c:pt idx="123">
                  <c:v>11.3</c:v>
                </c:pt>
                <c:pt idx="124">
                  <c:v>11.3</c:v>
                </c:pt>
                <c:pt idx="125">
                  <c:v>11.3</c:v>
                </c:pt>
                <c:pt idx="126">
                  <c:v>11.3</c:v>
                </c:pt>
                <c:pt idx="127">
                  <c:v>11.3</c:v>
                </c:pt>
                <c:pt idx="128">
                  <c:v>11.3</c:v>
                </c:pt>
                <c:pt idx="129">
                  <c:v>11.3</c:v>
                </c:pt>
                <c:pt idx="130">
                  <c:v>11.3</c:v>
                </c:pt>
                <c:pt idx="131">
                  <c:v>11.3</c:v>
                </c:pt>
                <c:pt idx="132">
                  <c:v>11.3</c:v>
                </c:pt>
                <c:pt idx="133">
                  <c:v>11.3</c:v>
                </c:pt>
                <c:pt idx="134">
                  <c:v>11.3</c:v>
                </c:pt>
                <c:pt idx="135">
                  <c:v>11.3</c:v>
                </c:pt>
                <c:pt idx="136">
                  <c:v>11.3</c:v>
                </c:pt>
                <c:pt idx="137">
                  <c:v>11.3</c:v>
                </c:pt>
                <c:pt idx="138">
                  <c:v>11.3</c:v>
                </c:pt>
                <c:pt idx="139">
                  <c:v>11.3</c:v>
                </c:pt>
                <c:pt idx="140">
                  <c:v>10.8</c:v>
                </c:pt>
                <c:pt idx="141">
                  <c:v>10.8</c:v>
                </c:pt>
                <c:pt idx="142">
                  <c:v>10.8</c:v>
                </c:pt>
                <c:pt idx="143">
                  <c:v>10.8</c:v>
                </c:pt>
                <c:pt idx="144">
                  <c:v>10.8</c:v>
                </c:pt>
                <c:pt idx="145">
                  <c:v>10.8</c:v>
                </c:pt>
                <c:pt idx="146">
                  <c:v>10.8</c:v>
                </c:pt>
                <c:pt idx="147">
                  <c:v>10.8</c:v>
                </c:pt>
                <c:pt idx="148">
                  <c:v>10.8</c:v>
                </c:pt>
                <c:pt idx="149">
                  <c:v>10.8</c:v>
                </c:pt>
                <c:pt idx="150">
                  <c:v>10.8</c:v>
                </c:pt>
                <c:pt idx="151">
                  <c:v>10.8</c:v>
                </c:pt>
                <c:pt idx="152">
                  <c:v>10.8</c:v>
                </c:pt>
                <c:pt idx="153">
                  <c:v>10.8</c:v>
                </c:pt>
                <c:pt idx="154">
                  <c:v>10.8</c:v>
                </c:pt>
                <c:pt idx="155">
                  <c:v>10.8</c:v>
                </c:pt>
                <c:pt idx="156">
                  <c:v>10.8</c:v>
                </c:pt>
                <c:pt idx="157">
                  <c:v>10.8</c:v>
                </c:pt>
                <c:pt idx="158">
                  <c:v>10.8</c:v>
                </c:pt>
                <c:pt idx="159">
                  <c:v>10.8</c:v>
                </c:pt>
                <c:pt idx="160">
                  <c:v>10.8</c:v>
                </c:pt>
                <c:pt idx="161">
                  <c:v>10.8</c:v>
                </c:pt>
                <c:pt idx="162">
                  <c:v>10.8</c:v>
                </c:pt>
                <c:pt idx="163">
                  <c:v>10.8</c:v>
                </c:pt>
                <c:pt idx="164">
                  <c:v>10.3</c:v>
                </c:pt>
                <c:pt idx="165">
                  <c:v>10.8</c:v>
                </c:pt>
                <c:pt idx="166">
                  <c:v>10.8</c:v>
                </c:pt>
                <c:pt idx="167">
                  <c:v>10.8</c:v>
                </c:pt>
                <c:pt idx="168">
                  <c:v>10.8</c:v>
                </c:pt>
                <c:pt idx="169">
                  <c:v>11.3</c:v>
                </c:pt>
                <c:pt idx="170">
                  <c:v>11.3</c:v>
                </c:pt>
                <c:pt idx="171">
                  <c:v>11.3</c:v>
                </c:pt>
                <c:pt idx="172">
                  <c:v>10.8</c:v>
                </c:pt>
                <c:pt idx="173">
                  <c:v>10.8</c:v>
                </c:pt>
                <c:pt idx="174">
                  <c:v>10.8</c:v>
                </c:pt>
                <c:pt idx="175">
                  <c:v>10.8</c:v>
                </c:pt>
                <c:pt idx="176">
                  <c:v>10.8</c:v>
                </c:pt>
                <c:pt idx="177">
                  <c:v>10.3</c:v>
                </c:pt>
                <c:pt idx="178">
                  <c:v>10.3</c:v>
                </c:pt>
                <c:pt idx="179">
                  <c:v>10.3</c:v>
                </c:pt>
                <c:pt idx="180">
                  <c:v>10.3</c:v>
                </c:pt>
                <c:pt idx="181">
                  <c:v>10.3</c:v>
                </c:pt>
                <c:pt idx="182">
                  <c:v>10.3</c:v>
                </c:pt>
                <c:pt idx="183">
                  <c:v>10.3</c:v>
                </c:pt>
                <c:pt idx="184">
                  <c:v>10.3</c:v>
                </c:pt>
                <c:pt idx="185">
                  <c:v>10.3</c:v>
                </c:pt>
                <c:pt idx="186">
                  <c:v>10.3</c:v>
                </c:pt>
                <c:pt idx="187">
                  <c:v>10.3</c:v>
                </c:pt>
                <c:pt idx="188">
                  <c:v>10.3</c:v>
                </c:pt>
                <c:pt idx="189">
                  <c:v>10.3</c:v>
                </c:pt>
                <c:pt idx="190">
                  <c:v>10.3</c:v>
                </c:pt>
                <c:pt idx="191">
                  <c:v>10.3</c:v>
                </c:pt>
                <c:pt idx="192">
                  <c:v>10.3</c:v>
                </c:pt>
                <c:pt idx="193">
                  <c:v>10.3</c:v>
                </c:pt>
                <c:pt idx="194">
                  <c:v>10.3</c:v>
                </c:pt>
                <c:pt idx="195">
                  <c:v>10.3</c:v>
                </c:pt>
                <c:pt idx="196">
                  <c:v>10.3</c:v>
                </c:pt>
                <c:pt idx="197">
                  <c:v>10.3</c:v>
                </c:pt>
                <c:pt idx="198">
                  <c:v>10.3</c:v>
                </c:pt>
                <c:pt idx="199">
                  <c:v>9.8000000000000007</c:v>
                </c:pt>
                <c:pt idx="200">
                  <c:v>9.8000000000000007</c:v>
                </c:pt>
                <c:pt idx="201">
                  <c:v>9.8000000000000007</c:v>
                </c:pt>
                <c:pt idx="202">
                  <c:v>9.8000000000000007</c:v>
                </c:pt>
                <c:pt idx="203">
                  <c:v>9.8000000000000007</c:v>
                </c:pt>
                <c:pt idx="204">
                  <c:v>9.8000000000000007</c:v>
                </c:pt>
                <c:pt idx="205">
                  <c:v>9.8000000000000007</c:v>
                </c:pt>
                <c:pt idx="206">
                  <c:v>9.8000000000000007</c:v>
                </c:pt>
                <c:pt idx="207">
                  <c:v>9.8000000000000007</c:v>
                </c:pt>
                <c:pt idx="208">
                  <c:v>9.8000000000000007</c:v>
                </c:pt>
                <c:pt idx="209">
                  <c:v>10.3</c:v>
                </c:pt>
                <c:pt idx="210">
                  <c:v>10.3</c:v>
                </c:pt>
                <c:pt idx="211">
                  <c:v>10.3</c:v>
                </c:pt>
                <c:pt idx="212">
                  <c:v>10.3</c:v>
                </c:pt>
                <c:pt idx="213">
                  <c:v>10.3</c:v>
                </c:pt>
                <c:pt idx="214">
                  <c:v>10.3</c:v>
                </c:pt>
                <c:pt idx="215">
                  <c:v>10.3</c:v>
                </c:pt>
                <c:pt idx="216">
                  <c:v>10.3</c:v>
                </c:pt>
                <c:pt idx="217">
                  <c:v>10.3</c:v>
                </c:pt>
                <c:pt idx="218">
                  <c:v>10.3</c:v>
                </c:pt>
                <c:pt idx="219">
                  <c:v>10.3</c:v>
                </c:pt>
                <c:pt idx="220">
                  <c:v>10.3</c:v>
                </c:pt>
                <c:pt idx="221">
                  <c:v>10.3</c:v>
                </c:pt>
                <c:pt idx="222">
                  <c:v>10.3</c:v>
                </c:pt>
                <c:pt idx="223">
                  <c:v>10.3</c:v>
                </c:pt>
                <c:pt idx="224">
                  <c:v>10.3</c:v>
                </c:pt>
                <c:pt idx="225">
                  <c:v>10.3</c:v>
                </c:pt>
                <c:pt idx="226">
                  <c:v>10.3</c:v>
                </c:pt>
                <c:pt idx="227">
                  <c:v>10.3</c:v>
                </c:pt>
                <c:pt idx="228">
                  <c:v>10.3</c:v>
                </c:pt>
                <c:pt idx="229">
                  <c:v>10.3</c:v>
                </c:pt>
                <c:pt idx="230">
                  <c:v>10.3</c:v>
                </c:pt>
                <c:pt idx="231">
                  <c:v>10.3</c:v>
                </c:pt>
                <c:pt idx="232">
                  <c:v>10.3</c:v>
                </c:pt>
                <c:pt idx="233">
                  <c:v>10.3</c:v>
                </c:pt>
                <c:pt idx="234">
                  <c:v>10.3</c:v>
                </c:pt>
                <c:pt idx="235">
                  <c:v>10.3</c:v>
                </c:pt>
                <c:pt idx="236">
                  <c:v>10.3</c:v>
                </c:pt>
                <c:pt idx="237">
                  <c:v>10.3</c:v>
                </c:pt>
                <c:pt idx="238">
                  <c:v>10.3</c:v>
                </c:pt>
                <c:pt idx="239">
                  <c:v>10.3</c:v>
                </c:pt>
                <c:pt idx="240">
                  <c:v>10.3</c:v>
                </c:pt>
                <c:pt idx="241">
                  <c:v>10.8</c:v>
                </c:pt>
                <c:pt idx="242">
                  <c:v>10.8</c:v>
                </c:pt>
                <c:pt idx="243">
                  <c:v>10.8</c:v>
                </c:pt>
                <c:pt idx="244">
                  <c:v>10.8</c:v>
                </c:pt>
                <c:pt idx="245">
                  <c:v>10.8</c:v>
                </c:pt>
                <c:pt idx="246">
                  <c:v>10.8</c:v>
                </c:pt>
                <c:pt idx="247">
                  <c:v>10.8</c:v>
                </c:pt>
                <c:pt idx="248">
                  <c:v>10.8</c:v>
                </c:pt>
                <c:pt idx="249">
                  <c:v>10.8</c:v>
                </c:pt>
                <c:pt idx="250">
                  <c:v>10.8</c:v>
                </c:pt>
                <c:pt idx="251">
                  <c:v>10.8</c:v>
                </c:pt>
                <c:pt idx="252">
                  <c:v>10.8</c:v>
                </c:pt>
                <c:pt idx="253">
                  <c:v>10.8</c:v>
                </c:pt>
                <c:pt idx="254">
                  <c:v>10.8</c:v>
                </c:pt>
                <c:pt idx="255">
                  <c:v>10.8</c:v>
                </c:pt>
                <c:pt idx="256">
                  <c:v>10.8</c:v>
                </c:pt>
                <c:pt idx="257">
                  <c:v>10.8</c:v>
                </c:pt>
                <c:pt idx="258">
                  <c:v>10.8</c:v>
                </c:pt>
                <c:pt idx="259">
                  <c:v>10.8</c:v>
                </c:pt>
                <c:pt idx="260">
                  <c:v>10.8</c:v>
                </c:pt>
                <c:pt idx="261">
                  <c:v>10.8</c:v>
                </c:pt>
                <c:pt idx="262">
                  <c:v>10.8</c:v>
                </c:pt>
                <c:pt idx="263">
                  <c:v>10.8</c:v>
                </c:pt>
                <c:pt idx="264">
                  <c:v>11.3</c:v>
                </c:pt>
                <c:pt idx="265">
                  <c:v>11.3</c:v>
                </c:pt>
                <c:pt idx="266">
                  <c:v>11.3</c:v>
                </c:pt>
                <c:pt idx="267">
                  <c:v>11.3</c:v>
                </c:pt>
                <c:pt idx="268">
                  <c:v>11.3</c:v>
                </c:pt>
                <c:pt idx="269">
                  <c:v>11.3</c:v>
                </c:pt>
                <c:pt idx="270">
                  <c:v>11.3</c:v>
                </c:pt>
                <c:pt idx="271">
                  <c:v>11.8</c:v>
                </c:pt>
                <c:pt idx="272">
                  <c:v>11.8</c:v>
                </c:pt>
                <c:pt idx="273">
                  <c:v>11.8</c:v>
                </c:pt>
                <c:pt idx="274">
                  <c:v>11.3</c:v>
                </c:pt>
                <c:pt idx="275">
                  <c:v>11.3</c:v>
                </c:pt>
                <c:pt idx="276">
                  <c:v>11.3</c:v>
                </c:pt>
                <c:pt idx="277">
                  <c:v>11.3</c:v>
                </c:pt>
                <c:pt idx="278">
                  <c:v>11.3</c:v>
                </c:pt>
                <c:pt idx="279">
                  <c:v>11.8</c:v>
                </c:pt>
                <c:pt idx="280">
                  <c:v>11.8</c:v>
                </c:pt>
                <c:pt idx="281">
                  <c:v>11.8</c:v>
                </c:pt>
                <c:pt idx="282">
                  <c:v>11.3</c:v>
                </c:pt>
                <c:pt idx="283">
                  <c:v>11.3</c:v>
                </c:pt>
                <c:pt idx="284">
                  <c:v>11.3</c:v>
                </c:pt>
                <c:pt idx="285">
                  <c:v>11.3</c:v>
                </c:pt>
                <c:pt idx="286">
                  <c:v>10.8</c:v>
                </c:pt>
                <c:pt idx="287">
                  <c:v>10.8</c:v>
                </c:pt>
                <c:pt idx="288">
                  <c:v>10.8</c:v>
                </c:pt>
                <c:pt idx="289">
                  <c:v>10.8</c:v>
                </c:pt>
                <c:pt idx="290">
                  <c:v>10.8</c:v>
                </c:pt>
                <c:pt idx="291">
                  <c:v>10.8</c:v>
                </c:pt>
                <c:pt idx="292">
                  <c:v>10.8</c:v>
                </c:pt>
                <c:pt idx="293">
                  <c:v>10.8</c:v>
                </c:pt>
                <c:pt idx="294">
                  <c:v>10.8</c:v>
                </c:pt>
                <c:pt idx="295">
                  <c:v>10.8</c:v>
                </c:pt>
                <c:pt idx="296">
                  <c:v>10.8</c:v>
                </c:pt>
                <c:pt idx="297">
                  <c:v>10.8</c:v>
                </c:pt>
                <c:pt idx="298">
                  <c:v>10.8</c:v>
                </c:pt>
                <c:pt idx="299">
                  <c:v>10.8</c:v>
                </c:pt>
                <c:pt idx="300">
                  <c:v>10.8</c:v>
                </c:pt>
                <c:pt idx="301">
                  <c:v>10.8</c:v>
                </c:pt>
                <c:pt idx="302">
                  <c:v>10.8</c:v>
                </c:pt>
                <c:pt idx="303">
                  <c:v>10.8</c:v>
                </c:pt>
                <c:pt idx="304">
                  <c:v>11.3</c:v>
                </c:pt>
                <c:pt idx="305">
                  <c:v>10.8</c:v>
                </c:pt>
                <c:pt idx="306">
                  <c:v>10.8</c:v>
                </c:pt>
                <c:pt idx="307">
                  <c:v>10.8</c:v>
                </c:pt>
                <c:pt idx="308">
                  <c:v>10.8</c:v>
                </c:pt>
                <c:pt idx="309">
                  <c:v>10.3</c:v>
                </c:pt>
                <c:pt idx="310">
                  <c:v>10.3</c:v>
                </c:pt>
                <c:pt idx="311">
                  <c:v>10.3</c:v>
                </c:pt>
                <c:pt idx="312">
                  <c:v>10.3</c:v>
                </c:pt>
                <c:pt idx="313">
                  <c:v>10.3</c:v>
                </c:pt>
                <c:pt idx="314">
                  <c:v>10.8</c:v>
                </c:pt>
                <c:pt idx="315">
                  <c:v>10.8</c:v>
                </c:pt>
                <c:pt idx="316">
                  <c:v>10.8</c:v>
                </c:pt>
                <c:pt idx="317">
                  <c:v>10.3</c:v>
                </c:pt>
                <c:pt idx="318">
                  <c:v>10.3</c:v>
                </c:pt>
                <c:pt idx="319">
                  <c:v>10.3</c:v>
                </c:pt>
                <c:pt idx="320">
                  <c:v>10.3</c:v>
                </c:pt>
                <c:pt idx="321">
                  <c:v>10.3</c:v>
                </c:pt>
                <c:pt idx="322">
                  <c:v>10.3</c:v>
                </c:pt>
                <c:pt idx="323">
                  <c:v>10.3</c:v>
                </c:pt>
                <c:pt idx="324">
                  <c:v>10.3</c:v>
                </c:pt>
                <c:pt idx="325">
                  <c:v>10.3</c:v>
                </c:pt>
                <c:pt idx="326">
                  <c:v>10.3</c:v>
                </c:pt>
                <c:pt idx="327">
                  <c:v>10.3</c:v>
                </c:pt>
                <c:pt idx="328">
                  <c:v>10.3</c:v>
                </c:pt>
                <c:pt idx="329">
                  <c:v>10.8</c:v>
                </c:pt>
                <c:pt idx="330">
                  <c:v>10.8</c:v>
                </c:pt>
                <c:pt idx="331">
                  <c:v>10.8</c:v>
                </c:pt>
                <c:pt idx="332">
                  <c:v>10.8</c:v>
                </c:pt>
                <c:pt idx="333">
                  <c:v>10.8</c:v>
                </c:pt>
                <c:pt idx="334">
                  <c:v>10.8</c:v>
                </c:pt>
                <c:pt idx="335">
                  <c:v>10.8</c:v>
                </c:pt>
                <c:pt idx="336">
                  <c:v>10.8</c:v>
                </c:pt>
                <c:pt idx="337">
                  <c:v>10.8</c:v>
                </c:pt>
                <c:pt idx="338">
                  <c:v>10.8</c:v>
                </c:pt>
                <c:pt idx="339">
                  <c:v>10.8</c:v>
                </c:pt>
                <c:pt idx="340">
                  <c:v>10.8</c:v>
                </c:pt>
                <c:pt idx="341">
                  <c:v>10.8</c:v>
                </c:pt>
                <c:pt idx="342">
                  <c:v>10.3</c:v>
                </c:pt>
                <c:pt idx="343">
                  <c:v>10.3</c:v>
                </c:pt>
                <c:pt idx="344">
                  <c:v>10.3</c:v>
                </c:pt>
                <c:pt idx="345">
                  <c:v>10.3</c:v>
                </c:pt>
                <c:pt idx="346">
                  <c:v>10.3</c:v>
                </c:pt>
                <c:pt idx="347">
                  <c:v>10.3</c:v>
                </c:pt>
                <c:pt idx="348">
                  <c:v>10.3</c:v>
                </c:pt>
                <c:pt idx="349">
                  <c:v>10.3</c:v>
                </c:pt>
                <c:pt idx="350">
                  <c:v>10.3</c:v>
                </c:pt>
                <c:pt idx="351">
                  <c:v>10.3</c:v>
                </c:pt>
                <c:pt idx="352">
                  <c:v>10.3</c:v>
                </c:pt>
                <c:pt idx="353">
                  <c:v>10.3</c:v>
                </c:pt>
                <c:pt idx="354">
                  <c:v>10.3</c:v>
                </c:pt>
                <c:pt idx="355">
                  <c:v>10.3</c:v>
                </c:pt>
                <c:pt idx="356">
                  <c:v>10.3</c:v>
                </c:pt>
                <c:pt idx="357">
                  <c:v>10.3</c:v>
                </c:pt>
                <c:pt idx="358">
                  <c:v>10.3</c:v>
                </c:pt>
                <c:pt idx="359">
                  <c:v>10.3</c:v>
                </c:pt>
                <c:pt idx="360">
                  <c:v>10.3</c:v>
                </c:pt>
                <c:pt idx="361">
                  <c:v>10.8</c:v>
                </c:pt>
                <c:pt idx="362">
                  <c:v>10.8</c:v>
                </c:pt>
                <c:pt idx="363">
                  <c:v>10.8</c:v>
                </c:pt>
                <c:pt idx="364">
                  <c:v>10.8</c:v>
                </c:pt>
                <c:pt idx="365">
                  <c:v>10.8</c:v>
                </c:pt>
                <c:pt idx="366">
                  <c:v>11.3</c:v>
                </c:pt>
                <c:pt idx="367">
                  <c:v>11.3</c:v>
                </c:pt>
                <c:pt idx="368">
                  <c:v>11.3</c:v>
                </c:pt>
                <c:pt idx="369">
                  <c:v>11.3</c:v>
                </c:pt>
                <c:pt idx="370">
                  <c:v>11.3</c:v>
                </c:pt>
                <c:pt idx="371">
                  <c:v>11.3</c:v>
                </c:pt>
                <c:pt idx="372">
                  <c:v>11.3</c:v>
                </c:pt>
                <c:pt idx="373">
                  <c:v>11.3</c:v>
                </c:pt>
                <c:pt idx="374">
                  <c:v>11.3</c:v>
                </c:pt>
                <c:pt idx="375">
                  <c:v>11.3</c:v>
                </c:pt>
                <c:pt idx="376">
                  <c:v>11.3</c:v>
                </c:pt>
                <c:pt idx="377">
                  <c:v>11.3</c:v>
                </c:pt>
                <c:pt idx="378">
                  <c:v>10.8</c:v>
                </c:pt>
                <c:pt idx="379">
                  <c:v>10.8</c:v>
                </c:pt>
                <c:pt idx="380">
                  <c:v>10.8</c:v>
                </c:pt>
                <c:pt idx="381">
                  <c:v>10.3</c:v>
                </c:pt>
                <c:pt idx="382">
                  <c:v>10.3</c:v>
                </c:pt>
                <c:pt idx="383">
                  <c:v>10.3</c:v>
                </c:pt>
                <c:pt idx="384">
                  <c:v>10.3</c:v>
                </c:pt>
                <c:pt idx="385">
                  <c:v>10.3</c:v>
                </c:pt>
                <c:pt idx="386">
                  <c:v>10.8</c:v>
                </c:pt>
                <c:pt idx="387">
                  <c:v>10.8</c:v>
                </c:pt>
                <c:pt idx="388">
                  <c:v>10.8</c:v>
                </c:pt>
                <c:pt idx="389">
                  <c:v>10.8</c:v>
                </c:pt>
                <c:pt idx="390">
                  <c:v>10.8</c:v>
                </c:pt>
                <c:pt idx="391">
                  <c:v>10.8</c:v>
                </c:pt>
                <c:pt idx="392">
                  <c:v>10.8</c:v>
                </c:pt>
                <c:pt idx="393">
                  <c:v>10.8</c:v>
                </c:pt>
                <c:pt idx="394">
                  <c:v>10.8</c:v>
                </c:pt>
                <c:pt idx="395">
                  <c:v>10.8</c:v>
                </c:pt>
                <c:pt idx="396">
                  <c:v>11.3</c:v>
                </c:pt>
                <c:pt idx="397">
                  <c:v>11.3</c:v>
                </c:pt>
                <c:pt idx="398">
                  <c:v>11.3</c:v>
                </c:pt>
                <c:pt idx="399">
                  <c:v>11.3</c:v>
                </c:pt>
                <c:pt idx="400">
                  <c:v>11.3</c:v>
                </c:pt>
                <c:pt idx="401">
                  <c:v>11.3</c:v>
                </c:pt>
                <c:pt idx="402">
                  <c:v>10.8</c:v>
                </c:pt>
                <c:pt idx="403">
                  <c:v>10.8</c:v>
                </c:pt>
                <c:pt idx="404">
                  <c:v>11.3</c:v>
                </c:pt>
                <c:pt idx="405">
                  <c:v>10.8</c:v>
                </c:pt>
                <c:pt idx="406">
                  <c:v>10.8</c:v>
                </c:pt>
                <c:pt idx="407">
                  <c:v>10.8</c:v>
                </c:pt>
                <c:pt idx="408">
                  <c:v>10.3</c:v>
                </c:pt>
                <c:pt idx="409">
                  <c:v>10.8</c:v>
                </c:pt>
                <c:pt idx="410">
                  <c:v>10.8</c:v>
                </c:pt>
                <c:pt idx="411">
                  <c:v>10.8</c:v>
                </c:pt>
                <c:pt idx="412">
                  <c:v>10.8</c:v>
                </c:pt>
                <c:pt idx="413">
                  <c:v>10.8</c:v>
                </c:pt>
                <c:pt idx="414">
                  <c:v>10.8</c:v>
                </c:pt>
                <c:pt idx="415">
                  <c:v>10.8</c:v>
                </c:pt>
                <c:pt idx="416">
                  <c:v>10.8</c:v>
                </c:pt>
                <c:pt idx="417">
                  <c:v>11.3</c:v>
                </c:pt>
                <c:pt idx="418">
                  <c:v>11.3</c:v>
                </c:pt>
                <c:pt idx="419">
                  <c:v>11.3</c:v>
                </c:pt>
                <c:pt idx="420">
                  <c:v>11.3</c:v>
                </c:pt>
                <c:pt idx="421">
                  <c:v>11.3</c:v>
                </c:pt>
                <c:pt idx="422">
                  <c:v>11.3</c:v>
                </c:pt>
                <c:pt idx="423">
                  <c:v>11.3</c:v>
                </c:pt>
                <c:pt idx="424">
                  <c:v>10.8</c:v>
                </c:pt>
                <c:pt idx="425">
                  <c:v>10.8</c:v>
                </c:pt>
                <c:pt idx="426">
                  <c:v>10.8</c:v>
                </c:pt>
                <c:pt idx="427">
                  <c:v>10.3</c:v>
                </c:pt>
                <c:pt idx="428">
                  <c:v>10.3</c:v>
                </c:pt>
                <c:pt idx="429">
                  <c:v>9.8000000000000007</c:v>
                </c:pt>
                <c:pt idx="430">
                  <c:v>9.8000000000000007</c:v>
                </c:pt>
                <c:pt idx="431">
                  <c:v>9.8000000000000007</c:v>
                </c:pt>
                <c:pt idx="432">
                  <c:v>9.3000000000000007</c:v>
                </c:pt>
                <c:pt idx="433">
                  <c:v>8.8000000000000007</c:v>
                </c:pt>
                <c:pt idx="434">
                  <c:v>8.8000000000000007</c:v>
                </c:pt>
                <c:pt idx="435">
                  <c:v>8.8000000000000007</c:v>
                </c:pt>
                <c:pt idx="436">
                  <c:v>8.8000000000000007</c:v>
                </c:pt>
                <c:pt idx="437">
                  <c:v>8.8000000000000007</c:v>
                </c:pt>
                <c:pt idx="438">
                  <c:v>8.8000000000000007</c:v>
                </c:pt>
                <c:pt idx="439">
                  <c:v>8.8000000000000007</c:v>
                </c:pt>
                <c:pt idx="440">
                  <c:v>9.3000000000000007</c:v>
                </c:pt>
                <c:pt idx="441">
                  <c:v>9.3000000000000007</c:v>
                </c:pt>
                <c:pt idx="442">
                  <c:v>9.3000000000000007</c:v>
                </c:pt>
                <c:pt idx="443">
                  <c:v>9.3000000000000007</c:v>
                </c:pt>
                <c:pt idx="444">
                  <c:v>9.3000000000000007</c:v>
                </c:pt>
                <c:pt idx="445">
                  <c:v>9.3000000000000007</c:v>
                </c:pt>
                <c:pt idx="446">
                  <c:v>9.3000000000000007</c:v>
                </c:pt>
                <c:pt idx="447">
                  <c:v>9.3000000000000007</c:v>
                </c:pt>
                <c:pt idx="448">
                  <c:v>9.3000000000000007</c:v>
                </c:pt>
                <c:pt idx="449">
                  <c:v>9.3000000000000007</c:v>
                </c:pt>
                <c:pt idx="450">
                  <c:v>8.8000000000000007</c:v>
                </c:pt>
                <c:pt idx="451">
                  <c:v>8.3000000000000007</c:v>
                </c:pt>
                <c:pt idx="452">
                  <c:v>8.3000000000000007</c:v>
                </c:pt>
                <c:pt idx="453">
                  <c:v>7.9</c:v>
                </c:pt>
                <c:pt idx="454">
                  <c:v>7.9</c:v>
                </c:pt>
                <c:pt idx="455">
                  <c:v>7.9</c:v>
                </c:pt>
                <c:pt idx="456">
                  <c:v>7.4</c:v>
                </c:pt>
                <c:pt idx="457">
                  <c:v>7.9</c:v>
                </c:pt>
                <c:pt idx="458">
                  <c:v>7.9</c:v>
                </c:pt>
                <c:pt idx="459">
                  <c:v>7.9</c:v>
                </c:pt>
                <c:pt idx="460">
                  <c:v>7.9</c:v>
                </c:pt>
                <c:pt idx="461">
                  <c:v>7.9</c:v>
                </c:pt>
                <c:pt idx="462">
                  <c:v>7.9</c:v>
                </c:pt>
                <c:pt idx="463">
                  <c:v>7.9</c:v>
                </c:pt>
                <c:pt idx="464">
                  <c:v>7.9</c:v>
                </c:pt>
                <c:pt idx="465">
                  <c:v>7.9</c:v>
                </c:pt>
                <c:pt idx="466">
                  <c:v>7.9</c:v>
                </c:pt>
                <c:pt idx="467">
                  <c:v>7.9</c:v>
                </c:pt>
                <c:pt idx="468">
                  <c:v>7.9</c:v>
                </c:pt>
                <c:pt idx="469">
                  <c:v>7.9</c:v>
                </c:pt>
                <c:pt idx="470">
                  <c:v>7.9</c:v>
                </c:pt>
                <c:pt idx="471">
                  <c:v>7.9</c:v>
                </c:pt>
                <c:pt idx="472">
                  <c:v>7.9</c:v>
                </c:pt>
                <c:pt idx="473">
                  <c:v>7.9</c:v>
                </c:pt>
                <c:pt idx="474">
                  <c:v>7.9</c:v>
                </c:pt>
                <c:pt idx="475">
                  <c:v>7.9</c:v>
                </c:pt>
                <c:pt idx="476">
                  <c:v>7.9</c:v>
                </c:pt>
                <c:pt idx="477">
                  <c:v>7.4</c:v>
                </c:pt>
                <c:pt idx="478">
                  <c:v>7.4</c:v>
                </c:pt>
                <c:pt idx="479">
                  <c:v>7.4</c:v>
                </c:pt>
                <c:pt idx="480">
                  <c:v>7.4</c:v>
                </c:pt>
                <c:pt idx="481">
                  <c:v>7.4</c:v>
                </c:pt>
                <c:pt idx="482">
                  <c:v>7.4</c:v>
                </c:pt>
                <c:pt idx="483">
                  <c:v>7.4</c:v>
                </c:pt>
                <c:pt idx="484">
                  <c:v>7.4</c:v>
                </c:pt>
                <c:pt idx="485">
                  <c:v>6.9</c:v>
                </c:pt>
                <c:pt idx="486">
                  <c:v>6.9</c:v>
                </c:pt>
                <c:pt idx="487">
                  <c:v>7.4</c:v>
                </c:pt>
                <c:pt idx="488">
                  <c:v>6.9</c:v>
                </c:pt>
                <c:pt idx="489">
                  <c:v>6.9</c:v>
                </c:pt>
                <c:pt idx="490">
                  <c:v>6.9</c:v>
                </c:pt>
                <c:pt idx="491">
                  <c:v>6.9</c:v>
                </c:pt>
                <c:pt idx="492">
                  <c:v>6.9</c:v>
                </c:pt>
                <c:pt idx="493">
                  <c:v>6.9</c:v>
                </c:pt>
                <c:pt idx="494">
                  <c:v>6.9</c:v>
                </c:pt>
                <c:pt idx="495">
                  <c:v>6.9</c:v>
                </c:pt>
                <c:pt idx="496">
                  <c:v>6.9</c:v>
                </c:pt>
                <c:pt idx="497">
                  <c:v>6.4</c:v>
                </c:pt>
                <c:pt idx="498">
                  <c:v>6.9</c:v>
                </c:pt>
                <c:pt idx="499">
                  <c:v>6.9</c:v>
                </c:pt>
                <c:pt idx="500">
                  <c:v>6.9</c:v>
                </c:pt>
                <c:pt idx="501">
                  <c:v>6.9</c:v>
                </c:pt>
                <c:pt idx="502">
                  <c:v>6.9</c:v>
                </c:pt>
                <c:pt idx="503">
                  <c:v>6.9</c:v>
                </c:pt>
                <c:pt idx="504">
                  <c:v>7.4</c:v>
                </c:pt>
                <c:pt idx="505">
                  <c:v>7.4</c:v>
                </c:pt>
                <c:pt idx="506">
                  <c:v>7.4</c:v>
                </c:pt>
                <c:pt idx="507">
                  <c:v>7.4</c:v>
                </c:pt>
                <c:pt idx="508">
                  <c:v>7.4</c:v>
                </c:pt>
                <c:pt idx="509">
                  <c:v>7.4</c:v>
                </c:pt>
                <c:pt idx="510">
                  <c:v>7.4</c:v>
                </c:pt>
                <c:pt idx="511">
                  <c:v>7.4</c:v>
                </c:pt>
                <c:pt idx="512">
                  <c:v>7.4</c:v>
                </c:pt>
                <c:pt idx="513">
                  <c:v>7.4</c:v>
                </c:pt>
                <c:pt idx="514">
                  <c:v>7.4</c:v>
                </c:pt>
                <c:pt idx="515">
                  <c:v>7.4</c:v>
                </c:pt>
                <c:pt idx="516">
                  <c:v>7.4</c:v>
                </c:pt>
                <c:pt idx="517">
                  <c:v>7.4</c:v>
                </c:pt>
                <c:pt idx="518">
                  <c:v>7.4</c:v>
                </c:pt>
                <c:pt idx="519">
                  <c:v>7.4</c:v>
                </c:pt>
                <c:pt idx="520">
                  <c:v>7.4</c:v>
                </c:pt>
                <c:pt idx="521">
                  <c:v>7.4</c:v>
                </c:pt>
                <c:pt idx="522">
                  <c:v>7.4</c:v>
                </c:pt>
                <c:pt idx="523">
                  <c:v>7.4</c:v>
                </c:pt>
                <c:pt idx="524">
                  <c:v>7.4</c:v>
                </c:pt>
                <c:pt idx="525">
                  <c:v>7.4</c:v>
                </c:pt>
                <c:pt idx="526">
                  <c:v>7.4</c:v>
                </c:pt>
                <c:pt idx="527">
                  <c:v>7.4</c:v>
                </c:pt>
                <c:pt idx="528">
                  <c:v>6.9</c:v>
                </c:pt>
                <c:pt idx="529">
                  <c:v>6.9</c:v>
                </c:pt>
                <c:pt idx="530">
                  <c:v>7.4</c:v>
                </c:pt>
                <c:pt idx="531">
                  <c:v>7.4</c:v>
                </c:pt>
                <c:pt idx="532">
                  <c:v>7.4</c:v>
                </c:pt>
                <c:pt idx="533">
                  <c:v>7.4</c:v>
                </c:pt>
                <c:pt idx="534">
                  <c:v>7.4</c:v>
                </c:pt>
                <c:pt idx="535">
                  <c:v>7.4</c:v>
                </c:pt>
                <c:pt idx="536">
                  <c:v>7.4</c:v>
                </c:pt>
                <c:pt idx="537">
                  <c:v>7.4</c:v>
                </c:pt>
                <c:pt idx="538">
                  <c:v>6.9</c:v>
                </c:pt>
                <c:pt idx="539">
                  <c:v>6.9</c:v>
                </c:pt>
                <c:pt idx="540">
                  <c:v>6.9</c:v>
                </c:pt>
                <c:pt idx="541">
                  <c:v>6.9</c:v>
                </c:pt>
                <c:pt idx="542">
                  <c:v>6.9</c:v>
                </c:pt>
                <c:pt idx="543">
                  <c:v>6.9</c:v>
                </c:pt>
                <c:pt idx="544">
                  <c:v>6.9</c:v>
                </c:pt>
                <c:pt idx="545">
                  <c:v>6.9</c:v>
                </c:pt>
                <c:pt idx="546">
                  <c:v>6.9</c:v>
                </c:pt>
                <c:pt idx="547">
                  <c:v>7.4</c:v>
                </c:pt>
                <c:pt idx="548">
                  <c:v>7.4</c:v>
                </c:pt>
                <c:pt idx="549">
                  <c:v>7.4</c:v>
                </c:pt>
                <c:pt idx="550">
                  <c:v>7.4</c:v>
                </c:pt>
                <c:pt idx="551">
                  <c:v>7.4</c:v>
                </c:pt>
                <c:pt idx="552">
                  <c:v>7.4</c:v>
                </c:pt>
                <c:pt idx="553">
                  <c:v>7.4</c:v>
                </c:pt>
                <c:pt idx="554">
                  <c:v>7.4</c:v>
                </c:pt>
                <c:pt idx="555">
                  <c:v>7.4</c:v>
                </c:pt>
                <c:pt idx="556">
                  <c:v>7.4</c:v>
                </c:pt>
                <c:pt idx="557">
                  <c:v>7.4</c:v>
                </c:pt>
                <c:pt idx="558">
                  <c:v>7.4</c:v>
                </c:pt>
                <c:pt idx="559">
                  <c:v>7.4</c:v>
                </c:pt>
                <c:pt idx="560">
                  <c:v>7.4</c:v>
                </c:pt>
                <c:pt idx="561">
                  <c:v>7.4</c:v>
                </c:pt>
                <c:pt idx="562">
                  <c:v>7.4</c:v>
                </c:pt>
                <c:pt idx="563">
                  <c:v>7.4</c:v>
                </c:pt>
                <c:pt idx="564">
                  <c:v>7.4</c:v>
                </c:pt>
                <c:pt idx="565">
                  <c:v>7.4</c:v>
                </c:pt>
                <c:pt idx="566">
                  <c:v>7.4</c:v>
                </c:pt>
                <c:pt idx="567">
                  <c:v>7.4</c:v>
                </c:pt>
                <c:pt idx="568">
                  <c:v>7.4</c:v>
                </c:pt>
                <c:pt idx="569">
                  <c:v>7.4</c:v>
                </c:pt>
                <c:pt idx="570">
                  <c:v>7.4</c:v>
                </c:pt>
                <c:pt idx="571">
                  <c:v>7.4</c:v>
                </c:pt>
                <c:pt idx="572">
                  <c:v>7.4</c:v>
                </c:pt>
                <c:pt idx="573">
                  <c:v>7.4</c:v>
                </c:pt>
                <c:pt idx="574">
                  <c:v>7.4</c:v>
                </c:pt>
                <c:pt idx="575">
                  <c:v>7.9</c:v>
                </c:pt>
                <c:pt idx="576">
                  <c:v>7.9</c:v>
                </c:pt>
                <c:pt idx="577">
                  <c:v>7.9</c:v>
                </c:pt>
                <c:pt idx="578">
                  <c:v>7.9</c:v>
                </c:pt>
                <c:pt idx="579">
                  <c:v>7.9</c:v>
                </c:pt>
                <c:pt idx="580">
                  <c:v>7.9</c:v>
                </c:pt>
                <c:pt idx="581">
                  <c:v>7.9</c:v>
                </c:pt>
                <c:pt idx="582">
                  <c:v>7.9</c:v>
                </c:pt>
                <c:pt idx="583">
                  <c:v>7.9</c:v>
                </c:pt>
                <c:pt idx="584">
                  <c:v>7.9</c:v>
                </c:pt>
                <c:pt idx="585">
                  <c:v>7.9</c:v>
                </c:pt>
                <c:pt idx="586">
                  <c:v>8.3000000000000007</c:v>
                </c:pt>
                <c:pt idx="587">
                  <c:v>8.3000000000000007</c:v>
                </c:pt>
                <c:pt idx="588">
                  <c:v>8.3000000000000007</c:v>
                </c:pt>
                <c:pt idx="589">
                  <c:v>8.3000000000000007</c:v>
                </c:pt>
                <c:pt idx="590">
                  <c:v>8.3000000000000007</c:v>
                </c:pt>
                <c:pt idx="591">
                  <c:v>7.9</c:v>
                </c:pt>
                <c:pt idx="592">
                  <c:v>7.9</c:v>
                </c:pt>
                <c:pt idx="593">
                  <c:v>8.3000000000000007</c:v>
                </c:pt>
                <c:pt idx="594">
                  <c:v>8.3000000000000007</c:v>
                </c:pt>
                <c:pt idx="595">
                  <c:v>8.3000000000000007</c:v>
                </c:pt>
                <c:pt idx="596">
                  <c:v>8.3000000000000007</c:v>
                </c:pt>
                <c:pt idx="597">
                  <c:v>8.3000000000000007</c:v>
                </c:pt>
                <c:pt idx="598">
                  <c:v>8.3000000000000007</c:v>
                </c:pt>
                <c:pt idx="599">
                  <c:v>8.3000000000000007</c:v>
                </c:pt>
                <c:pt idx="600">
                  <c:v>8.8000000000000007</c:v>
                </c:pt>
                <c:pt idx="601">
                  <c:v>8.8000000000000007</c:v>
                </c:pt>
                <c:pt idx="602">
                  <c:v>8.8000000000000007</c:v>
                </c:pt>
                <c:pt idx="603">
                  <c:v>8.8000000000000007</c:v>
                </c:pt>
                <c:pt idx="604">
                  <c:v>8.8000000000000007</c:v>
                </c:pt>
                <c:pt idx="605">
                  <c:v>8.8000000000000007</c:v>
                </c:pt>
                <c:pt idx="606">
                  <c:v>8.8000000000000007</c:v>
                </c:pt>
                <c:pt idx="607">
                  <c:v>8.8000000000000007</c:v>
                </c:pt>
                <c:pt idx="608">
                  <c:v>8.8000000000000007</c:v>
                </c:pt>
                <c:pt idx="609">
                  <c:v>8.8000000000000007</c:v>
                </c:pt>
                <c:pt idx="610">
                  <c:v>8.8000000000000007</c:v>
                </c:pt>
                <c:pt idx="611">
                  <c:v>8.8000000000000007</c:v>
                </c:pt>
                <c:pt idx="612">
                  <c:v>8.8000000000000007</c:v>
                </c:pt>
                <c:pt idx="613">
                  <c:v>8.8000000000000007</c:v>
                </c:pt>
                <c:pt idx="614">
                  <c:v>8.8000000000000007</c:v>
                </c:pt>
                <c:pt idx="615">
                  <c:v>8.8000000000000007</c:v>
                </c:pt>
                <c:pt idx="616">
                  <c:v>8.3000000000000007</c:v>
                </c:pt>
                <c:pt idx="617">
                  <c:v>7.9</c:v>
                </c:pt>
                <c:pt idx="618">
                  <c:v>7.9</c:v>
                </c:pt>
                <c:pt idx="619">
                  <c:v>7.9</c:v>
                </c:pt>
                <c:pt idx="620">
                  <c:v>7.9</c:v>
                </c:pt>
                <c:pt idx="621">
                  <c:v>7.4</c:v>
                </c:pt>
                <c:pt idx="622">
                  <c:v>7.4</c:v>
                </c:pt>
                <c:pt idx="623">
                  <c:v>7.4</c:v>
                </c:pt>
                <c:pt idx="624">
                  <c:v>7.9</c:v>
                </c:pt>
                <c:pt idx="625">
                  <c:v>7.9</c:v>
                </c:pt>
                <c:pt idx="626">
                  <c:v>7.9</c:v>
                </c:pt>
                <c:pt idx="627">
                  <c:v>7.9</c:v>
                </c:pt>
                <c:pt idx="628">
                  <c:v>7.9</c:v>
                </c:pt>
                <c:pt idx="629">
                  <c:v>7.9</c:v>
                </c:pt>
                <c:pt idx="630">
                  <c:v>7.9</c:v>
                </c:pt>
                <c:pt idx="631">
                  <c:v>7.9</c:v>
                </c:pt>
                <c:pt idx="632">
                  <c:v>7.9</c:v>
                </c:pt>
                <c:pt idx="633">
                  <c:v>7.9</c:v>
                </c:pt>
                <c:pt idx="634">
                  <c:v>7.4</c:v>
                </c:pt>
                <c:pt idx="635">
                  <c:v>7.4</c:v>
                </c:pt>
                <c:pt idx="636">
                  <c:v>6.9</c:v>
                </c:pt>
                <c:pt idx="637">
                  <c:v>6.4</c:v>
                </c:pt>
                <c:pt idx="638">
                  <c:v>6.4</c:v>
                </c:pt>
                <c:pt idx="639">
                  <c:v>6.4</c:v>
                </c:pt>
                <c:pt idx="640">
                  <c:v>5.9</c:v>
                </c:pt>
                <c:pt idx="641">
                  <c:v>5.9</c:v>
                </c:pt>
                <c:pt idx="642">
                  <c:v>5.9</c:v>
                </c:pt>
                <c:pt idx="643">
                  <c:v>5.9</c:v>
                </c:pt>
                <c:pt idx="644">
                  <c:v>5.4</c:v>
                </c:pt>
                <c:pt idx="645">
                  <c:v>5.4</c:v>
                </c:pt>
                <c:pt idx="646">
                  <c:v>5.4</c:v>
                </c:pt>
                <c:pt idx="647">
                  <c:v>5.4</c:v>
                </c:pt>
                <c:pt idx="648">
                  <c:v>5.4</c:v>
                </c:pt>
                <c:pt idx="649">
                  <c:v>5.4</c:v>
                </c:pt>
                <c:pt idx="650">
                  <c:v>5.4</c:v>
                </c:pt>
                <c:pt idx="651">
                  <c:v>5.4</c:v>
                </c:pt>
                <c:pt idx="652">
                  <c:v>5.4</c:v>
                </c:pt>
                <c:pt idx="653">
                  <c:v>5.4</c:v>
                </c:pt>
                <c:pt idx="654">
                  <c:v>5.4</c:v>
                </c:pt>
                <c:pt idx="655">
                  <c:v>5.4</c:v>
                </c:pt>
                <c:pt idx="656">
                  <c:v>5.4</c:v>
                </c:pt>
                <c:pt idx="657">
                  <c:v>5.4</c:v>
                </c:pt>
                <c:pt idx="658">
                  <c:v>5.4</c:v>
                </c:pt>
                <c:pt idx="659">
                  <c:v>5.4</c:v>
                </c:pt>
                <c:pt idx="660">
                  <c:v>5.4</c:v>
                </c:pt>
                <c:pt idx="661">
                  <c:v>5.4</c:v>
                </c:pt>
                <c:pt idx="662">
                  <c:v>5.4</c:v>
                </c:pt>
                <c:pt idx="663">
                  <c:v>4.9000000000000004</c:v>
                </c:pt>
                <c:pt idx="664">
                  <c:v>4.9000000000000004</c:v>
                </c:pt>
                <c:pt idx="665">
                  <c:v>4.9000000000000004</c:v>
                </c:pt>
                <c:pt idx="666">
                  <c:v>4.9000000000000004</c:v>
                </c:pt>
                <c:pt idx="667">
                  <c:v>4.9000000000000004</c:v>
                </c:pt>
                <c:pt idx="668">
                  <c:v>4.4000000000000004</c:v>
                </c:pt>
                <c:pt idx="669">
                  <c:v>4.4000000000000004</c:v>
                </c:pt>
                <c:pt idx="670">
                  <c:v>4.4000000000000004</c:v>
                </c:pt>
                <c:pt idx="671">
                  <c:v>4.4000000000000004</c:v>
                </c:pt>
                <c:pt idx="672">
                  <c:v>4.4000000000000004</c:v>
                </c:pt>
                <c:pt idx="673">
                  <c:v>4.4000000000000004</c:v>
                </c:pt>
                <c:pt idx="674">
                  <c:v>4.4000000000000004</c:v>
                </c:pt>
                <c:pt idx="675">
                  <c:v>4.4000000000000004</c:v>
                </c:pt>
                <c:pt idx="676">
                  <c:v>4.4000000000000004</c:v>
                </c:pt>
                <c:pt idx="677">
                  <c:v>4.4000000000000004</c:v>
                </c:pt>
                <c:pt idx="678">
                  <c:v>4.4000000000000004</c:v>
                </c:pt>
                <c:pt idx="679">
                  <c:v>4.4000000000000004</c:v>
                </c:pt>
                <c:pt idx="680">
                  <c:v>4.4000000000000004</c:v>
                </c:pt>
                <c:pt idx="681">
                  <c:v>4.4000000000000004</c:v>
                </c:pt>
                <c:pt idx="682">
                  <c:v>4.4000000000000004</c:v>
                </c:pt>
                <c:pt idx="683">
                  <c:v>4.4000000000000004</c:v>
                </c:pt>
                <c:pt idx="684">
                  <c:v>4.4000000000000004</c:v>
                </c:pt>
                <c:pt idx="685">
                  <c:v>4.4000000000000004</c:v>
                </c:pt>
                <c:pt idx="686">
                  <c:v>4.4000000000000004</c:v>
                </c:pt>
                <c:pt idx="687">
                  <c:v>4</c:v>
                </c:pt>
                <c:pt idx="688">
                  <c:v>4</c:v>
                </c:pt>
                <c:pt idx="689">
                  <c:v>4</c:v>
                </c:pt>
                <c:pt idx="690">
                  <c:v>4</c:v>
                </c:pt>
                <c:pt idx="691">
                  <c:v>4</c:v>
                </c:pt>
                <c:pt idx="692">
                  <c:v>4</c:v>
                </c:pt>
                <c:pt idx="693">
                  <c:v>4</c:v>
                </c:pt>
                <c:pt idx="694">
                  <c:v>4</c:v>
                </c:pt>
                <c:pt idx="695">
                  <c:v>4</c:v>
                </c:pt>
                <c:pt idx="696">
                  <c:v>4</c:v>
                </c:pt>
                <c:pt idx="697">
                  <c:v>4</c:v>
                </c:pt>
                <c:pt idx="698">
                  <c:v>4</c:v>
                </c:pt>
                <c:pt idx="699">
                  <c:v>4</c:v>
                </c:pt>
                <c:pt idx="700">
                  <c:v>4</c:v>
                </c:pt>
                <c:pt idx="701">
                  <c:v>4</c:v>
                </c:pt>
                <c:pt idx="702">
                  <c:v>4</c:v>
                </c:pt>
                <c:pt idx="703">
                  <c:v>4.4000000000000004</c:v>
                </c:pt>
                <c:pt idx="704">
                  <c:v>4.4000000000000004</c:v>
                </c:pt>
                <c:pt idx="705">
                  <c:v>4.4000000000000004</c:v>
                </c:pt>
                <c:pt idx="706">
                  <c:v>4.4000000000000004</c:v>
                </c:pt>
                <c:pt idx="707">
                  <c:v>4.4000000000000004</c:v>
                </c:pt>
                <c:pt idx="708">
                  <c:v>4.4000000000000004</c:v>
                </c:pt>
                <c:pt idx="709">
                  <c:v>4.4000000000000004</c:v>
                </c:pt>
                <c:pt idx="710">
                  <c:v>4.4000000000000004</c:v>
                </c:pt>
                <c:pt idx="711">
                  <c:v>4.4000000000000004</c:v>
                </c:pt>
                <c:pt idx="712">
                  <c:v>4.4000000000000004</c:v>
                </c:pt>
                <c:pt idx="713">
                  <c:v>4.4000000000000004</c:v>
                </c:pt>
                <c:pt idx="714">
                  <c:v>4.4000000000000004</c:v>
                </c:pt>
                <c:pt idx="715">
                  <c:v>4.4000000000000004</c:v>
                </c:pt>
                <c:pt idx="716">
                  <c:v>4.4000000000000004</c:v>
                </c:pt>
                <c:pt idx="717">
                  <c:v>4.4000000000000004</c:v>
                </c:pt>
                <c:pt idx="718">
                  <c:v>4.4000000000000004</c:v>
                </c:pt>
                <c:pt idx="719">
                  <c:v>4.9000000000000004</c:v>
                </c:pt>
                <c:pt idx="720">
                  <c:v>4.9000000000000004</c:v>
                </c:pt>
                <c:pt idx="721">
                  <c:v>4.4000000000000004</c:v>
                </c:pt>
                <c:pt idx="722">
                  <c:v>4.4000000000000004</c:v>
                </c:pt>
                <c:pt idx="723">
                  <c:v>4.4000000000000004</c:v>
                </c:pt>
                <c:pt idx="724">
                  <c:v>4.4000000000000004</c:v>
                </c:pt>
                <c:pt idx="725">
                  <c:v>4.4000000000000004</c:v>
                </c:pt>
                <c:pt idx="726">
                  <c:v>4.4000000000000004</c:v>
                </c:pt>
                <c:pt idx="727">
                  <c:v>4.4000000000000004</c:v>
                </c:pt>
                <c:pt idx="728">
                  <c:v>4.4000000000000004</c:v>
                </c:pt>
                <c:pt idx="729">
                  <c:v>4.4000000000000004</c:v>
                </c:pt>
                <c:pt idx="730">
                  <c:v>4.4000000000000004</c:v>
                </c:pt>
                <c:pt idx="731">
                  <c:v>4.4000000000000004</c:v>
                </c:pt>
                <c:pt idx="732">
                  <c:v>4.4000000000000004</c:v>
                </c:pt>
                <c:pt idx="733">
                  <c:v>4.4000000000000004</c:v>
                </c:pt>
                <c:pt idx="734">
                  <c:v>4.4000000000000004</c:v>
                </c:pt>
                <c:pt idx="735">
                  <c:v>4.4000000000000004</c:v>
                </c:pt>
                <c:pt idx="736">
                  <c:v>4.4000000000000004</c:v>
                </c:pt>
                <c:pt idx="737">
                  <c:v>4.4000000000000004</c:v>
                </c:pt>
                <c:pt idx="738">
                  <c:v>4.4000000000000004</c:v>
                </c:pt>
                <c:pt idx="739">
                  <c:v>4.4000000000000004</c:v>
                </c:pt>
                <c:pt idx="740">
                  <c:v>4.4000000000000004</c:v>
                </c:pt>
                <c:pt idx="741">
                  <c:v>4.4000000000000004</c:v>
                </c:pt>
                <c:pt idx="742">
                  <c:v>4.4000000000000004</c:v>
                </c:pt>
                <c:pt idx="743">
                  <c:v>4.4000000000000004</c:v>
                </c:pt>
                <c:pt idx="744">
                  <c:v>4.4000000000000004</c:v>
                </c:pt>
                <c:pt idx="745">
                  <c:v>4.4000000000000004</c:v>
                </c:pt>
                <c:pt idx="746">
                  <c:v>4.4000000000000004</c:v>
                </c:pt>
                <c:pt idx="747">
                  <c:v>4</c:v>
                </c:pt>
                <c:pt idx="748">
                  <c:v>4</c:v>
                </c:pt>
                <c:pt idx="749">
                  <c:v>4</c:v>
                </c:pt>
                <c:pt idx="750">
                  <c:v>4.4000000000000004</c:v>
                </c:pt>
                <c:pt idx="751">
                  <c:v>4.4000000000000004</c:v>
                </c:pt>
                <c:pt idx="752">
                  <c:v>4.4000000000000004</c:v>
                </c:pt>
                <c:pt idx="753">
                  <c:v>4.4000000000000004</c:v>
                </c:pt>
                <c:pt idx="754">
                  <c:v>4.4000000000000004</c:v>
                </c:pt>
                <c:pt idx="755">
                  <c:v>4.4000000000000004</c:v>
                </c:pt>
                <c:pt idx="756">
                  <c:v>4</c:v>
                </c:pt>
                <c:pt idx="757">
                  <c:v>4</c:v>
                </c:pt>
                <c:pt idx="758">
                  <c:v>4</c:v>
                </c:pt>
                <c:pt idx="759">
                  <c:v>4</c:v>
                </c:pt>
                <c:pt idx="760">
                  <c:v>4</c:v>
                </c:pt>
                <c:pt idx="761">
                  <c:v>4</c:v>
                </c:pt>
                <c:pt idx="762">
                  <c:v>4.4000000000000004</c:v>
                </c:pt>
                <c:pt idx="763">
                  <c:v>4.4000000000000004</c:v>
                </c:pt>
                <c:pt idx="764">
                  <c:v>4</c:v>
                </c:pt>
                <c:pt idx="765">
                  <c:v>4</c:v>
                </c:pt>
                <c:pt idx="766">
                  <c:v>4.4000000000000004</c:v>
                </c:pt>
                <c:pt idx="767">
                  <c:v>4.4000000000000004</c:v>
                </c:pt>
                <c:pt idx="768">
                  <c:v>4.4000000000000004</c:v>
                </c:pt>
                <c:pt idx="769">
                  <c:v>4.4000000000000004</c:v>
                </c:pt>
                <c:pt idx="770">
                  <c:v>4.4000000000000004</c:v>
                </c:pt>
                <c:pt idx="771">
                  <c:v>4.9000000000000004</c:v>
                </c:pt>
                <c:pt idx="772">
                  <c:v>4.9000000000000004</c:v>
                </c:pt>
                <c:pt idx="773">
                  <c:v>4.9000000000000004</c:v>
                </c:pt>
                <c:pt idx="774">
                  <c:v>4.9000000000000004</c:v>
                </c:pt>
                <c:pt idx="775">
                  <c:v>4.4000000000000004</c:v>
                </c:pt>
                <c:pt idx="776">
                  <c:v>4.4000000000000004</c:v>
                </c:pt>
                <c:pt idx="777">
                  <c:v>4.4000000000000004</c:v>
                </c:pt>
                <c:pt idx="778">
                  <c:v>4.4000000000000004</c:v>
                </c:pt>
                <c:pt idx="779">
                  <c:v>4.9000000000000004</c:v>
                </c:pt>
                <c:pt idx="780">
                  <c:v>4.9000000000000004</c:v>
                </c:pt>
                <c:pt idx="781">
                  <c:v>4.9000000000000004</c:v>
                </c:pt>
                <c:pt idx="782">
                  <c:v>4.4000000000000004</c:v>
                </c:pt>
                <c:pt idx="783">
                  <c:v>4.4000000000000004</c:v>
                </c:pt>
                <c:pt idx="784">
                  <c:v>4.4000000000000004</c:v>
                </c:pt>
                <c:pt idx="785">
                  <c:v>4.4000000000000004</c:v>
                </c:pt>
                <c:pt idx="786">
                  <c:v>4.4000000000000004</c:v>
                </c:pt>
                <c:pt idx="787">
                  <c:v>4.4000000000000004</c:v>
                </c:pt>
                <c:pt idx="788">
                  <c:v>4.4000000000000004</c:v>
                </c:pt>
                <c:pt idx="789">
                  <c:v>4.4000000000000004</c:v>
                </c:pt>
                <c:pt idx="790">
                  <c:v>4.4000000000000004</c:v>
                </c:pt>
                <c:pt idx="791">
                  <c:v>4.4000000000000004</c:v>
                </c:pt>
                <c:pt idx="792">
                  <c:v>4.4000000000000004</c:v>
                </c:pt>
                <c:pt idx="793">
                  <c:v>4</c:v>
                </c:pt>
                <c:pt idx="794">
                  <c:v>4</c:v>
                </c:pt>
                <c:pt idx="795">
                  <c:v>4</c:v>
                </c:pt>
                <c:pt idx="796">
                  <c:v>4</c:v>
                </c:pt>
                <c:pt idx="797">
                  <c:v>4</c:v>
                </c:pt>
                <c:pt idx="798">
                  <c:v>4</c:v>
                </c:pt>
                <c:pt idx="799">
                  <c:v>4</c:v>
                </c:pt>
                <c:pt idx="800">
                  <c:v>4</c:v>
                </c:pt>
                <c:pt idx="801">
                  <c:v>4</c:v>
                </c:pt>
                <c:pt idx="802">
                  <c:v>4</c:v>
                </c:pt>
                <c:pt idx="803">
                  <c:v>4</c:v>
                </c:pt>
                <c:pt idx="804">
                  <c:v>4.4000000000000004</c:v>
                </c:pt>
                <c:pt idx="805">
                  <c:v>4.4000000000000004</c:v>
                </c:pt>
                <c:pt idx="806">
                  <c:v>4.4000000000000004</c:v>
                </c:pt>
                <c:pt idx="807">
                  <c:v>4</c:v>
                </c:pt>
                <c:pt idx="808">
                  <c:v>4</c:v>
                </c:pt>
                <c:pt idx="809">
                  <c:v>4</c:v>
                </c:pt>
                <c:pt idx="810">
                  <c:v>4</c:v>
                </c:pt>
                <c:pt idx="811">
                  <c:v>4</c:v>
                </c:pt>
                <c:pt idx="812">
                  <c:v>4</c:v>
                </c:pt>
                <c:pt idx="813">
                  <c:v>4</c:v>
                </c:pt>
                <c:pt idx="814">
                  <c:v>4</c:v>
                </c:pt>
                <c:pt idx="815">
                  <c:v>4</c:v>
                </c:pt>
                <c:pt idx="816">
                  <c:v>4</c:v>
                </c:pt>
                <c:pt idx="817">
                  <c:v>4</c:v>
                </c:pt>
                <c:pt idx="818">
                  <c:v>4</c:v>
                </c:pt>
                <c:pt idx="819">
                  <c:v>4</c:v>
                </c:pt>
                <c:pt idx="820">
                  <c:v>4</c:v>
                </c:pt>
                <c:pt idx="821">
                  <c:v>4</c:v>
                </c:pt>
                <c:pt idx="822">
                  <c:v>4</c:v>
                </c:pt>
                <c:pt idx="823">
                  <c:v>4</c:v>
                </c:pt>
                <c:pt idx="824">
                  <c:v>4.4000000000000004</c:v>
                </c:pt>
                <c:pt idx="825">
                  <c:v>4.4000000000000004</c:v>
                </c:pt>
                <c:pt idx="826">
                  <c:v>4.4000000000000004</c:v>
                </c:pt>
                <c:pt idx="827">
                  <c:v>4.9000000000000004</c:v>
                </c:pt>
                <c:pt idx="828">
                  <c:v>4.9000000000000004</c:v>
                </c:pt>
                <c:pt idx="829">
                  <c:v>4.9000000000000004</c:v>
                </c:pt>
                <c:pt idx="830">
                  <c:v>4.9000000000000004</c:v>
                </c:pt>
                <c:pt idx="831">
                  <c:v>4.9000000000000004</c:v>
                </c:pt>
                <c:pt idx="832">
                  <c:v>4.9000000000000004</c:v>
                </c:pt>
                <c:pt idx="833">
                  <c:v>4.9000000000000004</c:v>
                </c:pt>
                <c:pt idx="834">
                  <c:v>4.9000000000000004</c:v>
                </c:pt>
                <c:pt idx="835">
                  <c:v>4.9000000000000004</c:v>
                </c:pt>
                <c:pt idx="836">
                  <c:v>5.4</c:v>
                </c:pt>
                <c:pt idx="837">
                  <c:v>4.9000000000000004</c:v>
                </c:pt>
                <c:pt idx="838">
                  <c:v>5.4</c:v>
                </c:pt>
                <c:pt idx="839">
                  <c:v>5.4</c:v>
                </c:pt>
                <c:pt idx="840">
                  <c:v>5.4</c:v>
                </c:pt>
                <c:pt idx="841">
                  <c:v>5.4</c:v>
                </c:pt>
                <c:pt idx="842">
                  <c:v>5.4</c:v>
                </c:pt>
                <c:pt idx="843">
                  <c:v>5.4</c:v>
                </c:pt>
                <c:pt idx="844">
                  <c:v>4.9000000000000004</c:v>
                </c:pt>
                <c:pt idx="845">
                  <c:v>4.9000000000000004</c:v>
                </c:pt>
                <c:pt idx="846">
                  <c:v>4.9000000000000004</c:v>
                </c:pt>
                <c:pt idx="847">
                  <c:v>4.9000000000000004</c:v>
                </c:pt>
                <c:pt idx="848">
                  <c:v>4.9000000000000004</c:v>
                </c:pt>
                <c:pt idx="849">
                  <c:v>4.9000000000000004</c:v>
                </c:pt>
                <c:pt idx="850">
                  <c:v>4.9000000000000004</c:v>
                </c:pt>
                <c:pt idx="851">
                  <c:v>4.9000000000000004</c:v>
                </c:pt>
                <c:pt idx="852">
                  <c:v>4.9000000000000004</c:v>
                </c:pt>
                <c:pt idx="853">
                  <c:v>4.9000000000000004</c:v>
                </c:pt>
                <c:pt idx="854">
                  <c:v>5.4</c:v>
                </c:pt>
                <c:pt idx="855">
                  <c:v>5.4</c:v>
                </c:pt>
                <c:pt idx="856">
                  <c:v>5.4</c:v>
                </c:pt>
                <c:pt idx="857">
                  <c:v>5.4</c:v>
                </c:pt>
                <c:pt idx="858">
                  <c:v>5.4</c:v>
                </c:pt>
                <c:pt idx="859">
                  <c:v>5.4</c:v>
                </c:pt>
                <c:pt idx="860">
                  <c:v>5.4</c:v>
                </c:pt>
                <c:pt idx="861">
                  <c:v>5.4</c:v>
                </c:pt>
                <c:pt idx="862">
                  <c:v>5.4</c:v>
                </c:pt>
                <c:pt idx="863">
                  <c:v>5.4</c:v>
                </c:pt>
                <c:pt idx="864">
                  <c:v>5.4</c:v>
                </c:pt>
                <c:pt idx="865">
                  <c:v>5.4</c:v>
                </c:pt>
                <c:pt idx="866">
                  <c:v>5.4</c:v>
                </c:pt>
                <c:pt idx="867">
                  <c:v>5.4</c:v>
                </c:pt>
                <c:pt idx="868">
                  <c:v>5.4</c:v>
                </c:pt>
                <c:pt idx="869">
                  <c:v>5.4</c:v>
                </c:pt>
                <c:pt idx="870">
                  <c:v>5.4</c:v>
                </c:pt>
                <c:pt idx="871">
                  <c:v>5.4</c:v>
                </c:pt>
                <c:pt idx="872">
                  <c:v>5.4</c:v>
                </c:pt>
                <c:pt idx="873">
                  <c:v>5.4</c:v>
                </c:pt>
                <c:pt idx="874">
                  <c:v>5.4</c:v>
                </c:pt>
                <c:pt idx="875">
                  <c:v>5.4</c:v>
                </c:pt>
                <c:pt idx="876">
                  <c:v>5.4</c:v>
                </c:pt>
                <c:pt idx="877">
                  <c:v>4.4000000000000004</c:v>
                </c:pt>
                <c:pt idx="878">
                  <c:v>4.4000000000000004</c:v>
                </c:pt>
                <c:pt idx="879">
                  <c:v>4</c:v>
                </c:pt>
                <c:pt idx="880">
                  <c:v>3.5</c:v>
                </c:pt>
                <c:pt idx="881">
                  <c:v>3</c:v>
                </c:pt>
                <c:pt idx="882">
                  <c:v>3</c:v>
                </c:pt>
                <c:pt idx="883">
                  <c:v>2.5</c:v>
                </c:pt>
                <c:pt idx="884">
                  <c:v>2.5</c:v>
                </c:pt>
                <c:pt idx="885">
                  <c:v>2.5</c:v>
                </c:pt>
                <c:pt idx="886">
                  <c:v>2</c:v>
                </c:pt>
                <c:pt idx="887">
                  <c:v>2</c:v>
                </c:pt>
                <c:pt idx="888">
                  <c:v>2</c:v>
                </c:pt>
                <c:pt idx="889">
                  <c:v>2</c:v>
                </c:pt>
                <c:pt idx="890">
                  <c:v>2</c:v>
                </c:pt>
                <c:pt idx="891">
                  <c:v>2</c:v>
                </c:pt>
                <c:pt idx="892">
                  <c:v>2</c:v>
                </c:pt>
                <c:pt idx="893">
                  <c:v>2</c:v>
                </c:pt>
                <c:pt idx="894">
                  <c:v>2</c:v>
                </c:pt>
                <c:pt idx="895">
                  <c:v>1.5</c:v>
                </c:pt>
                <c:pt idx="896">
                  <c:v>1.5</c:v>
                </c:pt>
                <c:pt idx="897">
                  <c:v>1.5</c:v>
                </c:pt>
                <c:pt idx="898">
                  <c:v>1.5</c:v>
                </c:pt>
                <c:pt idx="899">
                  <c:v>1.5</c:v>
                </c:pt>
                <c:pt idx="900">
                  <c:v>1.5</c:v>
                </c:pt>
                <c:pt idx="901">
                  <c:v>1.5</c:v>
                </c:pt>
                <c:pt idx="902">
                  <c:v>1.5</c:v>
                </c:pt>
                <c:pt idx="903">
                  <c:v>1.5</c:v>
                </c:pt>
                <c:pt idx="904">
                  <c:v>1.5</c:v>
                </c:pt>
                <c:pt idx="905">
                  <c:v>1.5</c:v>
                </c:pt>
                <c:pt idx="906">
                  <c:v>1.5</c:v>
                </c:pt>
                <c:pt idx="907">
                  <c:v>1.5</c:v>
                </c:pt>
                <c:pt idx="908">
                  <c:v>1.5</c:v>
                </c:pt>
                <c:pt idx="909">
                  <c:v>1.5</c:v>
                </c:pt>
                <c:pt idx="910">
                  <c:v>1.5</c:v>
                </c:pt>
                <c:pt idx="911">
                  <c:v>1.5</c:v>
                </c:pt>
                <c:pt idx="912">
                  <c:v>1.5</c:v>
                </c:pt>
                <c:pt idx="913">
                  <c:v>1.5</c:v>
                </c:pt>
                <c:pt idx="914">
                  <c:v>2.5</c:v>
                </c:pt>
                <c:pt idx="915">
                  <c:v>2.5</c:v>
                </c:pt>
                <c:pt idx="916">
                  <c:v>2.5</c:v>
                </c:pt>
                <c:pt idx="917">
                  <c:v>2.5</c:v>
                </c:pt>
                <c:pt idx="918">
                  <c:v>2.5</c:v>
                </c:pt>
                <c:pt idx="919">
                  <c:v>2.5</c:v>
                </c:pt>
                <c:pt idx="920">
                  <c:v>2.5</c:v>
                </c:pt>
                <c:pt idx="921">
                  <c:v>2.5</c:v>
                </c:pt>
                <c:pt idx="922">
                  <c:v>2.5</c:v>
                </c:pt>
                <c:pt idx="923">
                  <c:v>2.5</c:v>
                </c:pt>
                <c:pt idx="924">
                  <c:v>2.5</c:v>
                </c:pt>
                <c:pt idx="925">
                  <c:v>3</c:v>
                </c:pt>
                <c:pt idx="926">
                  <c:v>3</c:v>
                </c:pt>
                <c:pt idx="927">
                  <c:v>2.5</c:v>
                </c:pt>
                <c:pt idx="928">
                  <c:v>2.5</c:v>
                </c:pt>
                <c:pt idx="929">
                  <c:v>2.5</c:v>
                </c:pt>
                <c:pt idx="930">
                  <c:v>2</c:v>
                </c:pt>
                <c:pt idx="931">
                  <c:v>2</c:v>
                </c:pt>
                <c:pt idx="932">
                  <c:v>2</c:v>
                </c:pt>
                <c:pt idx="933">
                  <c:v>2</c:v>
                </c:pt>
                <c:pt idx="934">
                  <c:v>2</c:v>
                </c:pt>
                <c:pt idx="935">
                  <c:v>2.5</c:v>
                </c:pt>
                <c:pt idx="936">
                  <c:v>2.5</c:v>
                </c:pt>
                <c:pt idx="937">
                  <c:v>2.5</c:v>
                </c:pt>
                <c:pt idx="938">
                  <c:v>2</c:v>
                </c:pt>
                <c:pt idx="939">
                  <c:v>1.5</c:v>
                </c:pt>
                <c:pt idx="940">
                  <c:v>1</c:v>
                </c:pt>
                <c:pt idx="941">
                  <c:v>1.5</c:v>
                </c:pt>
                <c:pt idx="942">
                  <c:v>1.5</c:v>
                </c:pt>
                <c:pt idx="943">
                  <c:v>2</c:v>
                </c:pt>
                <c:pt idx="944">
                  <c:v>2</c:v>
                </c:pt>
                <c:pt idx="945">
                  <c:v>2</c:v>
                </c:pt>
                <c:pt idx="946">
                  <c:v>2</c:v>
                </c:pt>
                <c:pt idx="947">
                  <c:v>2</c:v>
                </c:pt>
                <c:pt idx="948">
                  <c:v>2</c:v>
                </c:pt>
                <c:pt idx="949">
                  <c:v>2</c:v>
                </c:pt>
                <c:pt idx="950">
                  <c:v>2</c:v>
                </c:pt>
                <c:pt idx="951">
                  <c:v>2</c:v>
                </c:pt>
                <c:pt idx="952">
                  <c:v>2</c:v>
                </c:pt>
                <c:pt idx="953">
                  <c:v>2</c:v>
                </c:pt>
                <c:pt idx="954">
                  <c:v>2</c:v>
                </c:pt>
                <c:pt idx="955">
                  <c:v>1.5</c:v>
                </c:pt>
                <c:pt idx="956">
                  <c:v>2</c:v>
                </c:pt>
                <c:pt idx="957">
                  <c:v>2</c:v>
                </c:pt>
                <c:pt idx="958">
                  <c:v>1.5</c:v>
                </c:pt>
                <c:pt idx="959">
                  <c:v>1</c:v>
                </c:pt>
                <c:pt idx="960">
                  <c:v>1</c:v>
                </c:pt>
                <c:pt idx="961">
                  <c:v>1.5</c:v>
                </c:pt>
                <c:pt idx="962">
                  <c:v>1.5</c:v>
                </c:pt>
                <c:pt idx="963">
                  <c:v>1.5</c:v>
                </c:pt>
                <c:pt idx="964">
                  <c:v>1.5</c:v>
                </c:pt>
                <c:pt idx="965">
                  <c:v>1.5</c:v>
                </c:pt>
                <c:pt idx="966">
                  <c:v>1.5</c:v>
                </c:pt>
                <c:pt idx="967">
                  <c:v>1.5</c:v>
                </c:pt>
                <c:pt idx="968">
                  <c:v>1.5</c:v>
                </c:pt>
                <c:pt idx="969">
                  <c:v>1.5</c:v>
                </c:pt>
                <c:pt idx="970">
                  <c:v>1.5</c:v>
                </c:pt>
                <c:pt idx="971">
                  <c:v>1.5</c:v>
                </c:pt>
                <c:pt idx="972">
                  <c:v>1.5</c:v>
                </c:pt>
                <c:pt idx="973">
                  <c:v>1</c:v>
                </c:pt>
                <c:pt idx="974">
                  <c:v>1</c:v>
                </c:pt>
                <c:pt idx="975">
                  <c:v>1</c:v>
                </c:pt>
                <c:pt idx="976">
                  <c:v>0.5</c:v>
                </c:pt>
                <c:pt idx="977">
                  <c:v>0.5</c:v>
                </c:pt>
                <c:pt idx="978">
                  <c:v>0.5</c:v>
                </c:pt>
                <c:pt idx="979">
                  <c:v>0.5</c:v>
                </c:pt>
                <c:pt idx="980">
                  <c:v>0.5</c:v>
                </c:pt>
                <c:pt idx="981">
                  <c:v>0.5</c:v>
                </c:pt>
                <c:pt idx="982">
                  <c:v>1</c:v>
                </c:pt>
                <c:pt idx="983">
                  <c:v>0.5</c:v>
                </c:pt>
                <c:pt idx="984">
                  <c:v>1</c:v>
                </c:pt>
                <c:pt idx="985">
                  <c:v>1</c:v>
                </c:pt>
                <c:pt idx="986">
                  <c:v>1</c:v>
                </c:pt>
                <c:pt idx="987">
                  <c:v>1</c:v>
                </c:pt>
                <c:pt idx="988">
                  <c:v>1</c:v>
                </c:pt>
                <c:pt idx="989">
                  <c:v>1</c:v>
                </c:pt>
                <c:pt idx="990">
                  <c:v>1</c:v>
                </c:pt>
                <c:pt idx="991">
                  <c:v>1</c:v>
                </c:pt>
                <c:pt idx="992">
                  <c:v>1</c:v>
                </c:pt>
                <c:pt idx="993">
                  <c:v>1</c:v>
                </c:pt>
                <c:pt idx="994">
                  <c:v>1</c:v>
                </c:pt>
                <c:pt idx="995">
                  <c:v>1</c:v>
                </c:pt>
                <c:pt idx="996">
                  <c:v>1</c:v>
                </c:pt>
                <c:pt idx="997">
                  <c:v>1</c:v>
                </c:pt>
                <c:pt idx="998">
                  <c:v>0.5</c:v>
                </c:pt>
                <c:pt idx="999">
                  <c:v>0.5</c:v>
                </c:pt>
                <c:pt idx="1000">
                  <c:v>0.5</c:v>
                </c:pt>
                <c:pt idx="1001">
                  <c:v>0.5</c:v>
                </c:pt>
                <c:pt idx="1002">
                  <c:v>0.5</c:v>
                </c:pt>
                <c:pt idx="1003">
                  <c:v>0.5</c:v>
                </c:pt>
                <c:pt idx="1004">
                  <c:v>0.5</c:v>
                </c:pt>
                <c:pt idx="1005">
                  <c:v>0.5</c:v>
                </c:pt>
                <c:pt idx="1006">
                  <c:v>0.5</c:v>
                </c:pt>
                <c:pt idx="1007">
                  <c:v>1</c:v>
                </c:pt>
                <c:pt idx="1008">
                  <c:v>1</c:v>
                </c:pt>
                <c:pt idx="1009">
                  <c:v>1</c:v>
                </c:pt>
                <c:pt idx="1010">
                  <c:v>1</c:v>
                </c:pt>
                <c:pt idx="1011">
                  <c:v>1</c:v>
                </c:pt>
                <c:pt idx="1012">
                  <c:v>1</c:v>
                </c:pt>
                <c:pt idx="1013">
                  <c:v>1</c:v>
                </c:pt>
                <c:pt idx="1014">
                  <c:v>1</c:v>
                </c:pt>
                <c:pt idx="1015">
                  <c:v>1</c:v>
                </c:pt>
                <c:pt idx="1016">
                  <c:v>1</c:v>
                </c:pt>
                <c:pt idx="1017">
                  <c:v>1</c:v>
                </c:pt>
                <c:pt idx="1018">
                  <c:v>1</c:v>
                </c:pt>
                <c:pt idx="1019">
                  <c:v>1</c:v>
                </c:pt>
                <c:pt idx="1020">
                  <c:v>1</c:v>
                </c:pt>
                <c:pt idx="1021">
                  <c:v>1</c:v>
                </c:pt>
                <c:pt idx="1022">
                  <c:v>1</c:v>
                </c:pt>
                <c:pt idx="1023">
                  <c:v>1</c:v>
                </c:pt>
                <c:pt idx="1024">
                  <c:v>1</c:v>
                </c:pt>
                <c:pt idx="1025">
                  <c:v>1</c:v>
                </c:pt>
                <c:pt idx="1026">
                  <c:v>1</c:v>
                </c:pt>
                <c:pt idx="1027">
                  <c:v>1</c:v>
                </c:pt>
                <c:pt idx="1028">
                  <c:v>1</c:v>
                </c:pt>
                <c:pt idx="1029">
                  <c:v>1</c:v>
                </c:pt>
                <c:pt idx="1030">
                  <c:v>0.5</c:v>
                </c:pt>
                <c:pt idx="1031">
                  <c:v>0.5</c:v>
                </c:pt>
                <c:pt idx="1032">
                  <c:v>0.5</c:v>
                </c:pt>
                <c:pt idx="1033">
                  <c:v>0.5</c:v>
                </c:pt>
                <c:pt idx="1034">
                  <c:v>0.5</c:v>
                </c:pt>
                <c:pt idx="1035">
                  <c:v>0.5</c:v>
                </c:pt>
                <c:pt idx="1036">
                  <c:v>0.5</c:v>
                </c:pt>
                <c:pt idx="1037">
                  <c:v>0.5</c:v>
                </c:pt>
                <c:pt idx="1038">
                  <c:v>0.5</c:v>
                </c:pt>
                <c:pt idx="1039">
                  <c:v>0.5</c:v>
                </c:pt>
                <c:pt idx="1040">
                  <c:v>0.5</c:v>
                </c:pt>
                <c:pt idx="1041">
                  <c:v>0.5</c:v>
                </c:pt>
                <c:pt idx="1042">
                  <c:v>0.5</c:v>
                </c:pt>
                <c:pt idx="1043">
                  <c:v>0.5</c:v>
                </c:pt>
                <c:pt idx="1044">
                  <c:v>0.5</c:v>
                </c:pt>
                <c:pt idx="1045">
                  <c:v>0.5</c:v>
                </c:pt>
                <c:pt idx="1046">
                  <c:v>0.5</c:v>
                </c:pt>
                <c:pt idx="1047">
                  <c:v>0.5</c:v>
                </c:pt>
                <c:pt idx="1048">
                  <c:v>0.5</c:v>
                </c:pt>
                <c:pt idx="1049">
                  <c:v>0.5</c:v>
                </c:pt>
                <c:pt idx="1050">
                  <c:v>0.5</c:v>
                </c:pt>
                <c:pt idx="1051">
                  <c:v>0.5</c:v>
                </c:pt>
                <c:pt idx="1052">
                  <c:v>0.5</c:v>
                </c:pt>
                <c:pt idx="1053">
                  <c:v>0.5</c:v>
                </c:pt>
                <c:pt idx="1054">
                  <c:v>0.5</c:v>
                </c:pt>
                <c:pt idx="1055">
                  <c:v>1</c:v>
                </c:pt>
                <c:pt idx="1056">
                  <c:v>0.5</c:v>
                </c:pt>
                <c:pt idx="1057">
                  <c:v>0.5</c:v>
                </c:pt>
                <c:pt idx="1058">
                  <c:v>0.5</c:v>
                </c:pt>
                <c:pt idx="1059">
                  <c:v>0.5</c:v>
                </c:pt>
                <c:pt idx="1060">
                  <c:v>0.5</c:v>
                </c:pt>
                <c:pt idx="1061">
                  <c:v>0.5</c:v>
                </c:pt>
                <c:pt idx="1062">
                  <c:v>0.5</c:v>
                </c:pt>
                <c:pt idx="1063">
                  <c:v>0</c:v>
                </c:pt>
                <c:pt idx="1064">
                  <c:v>0</c:v>
                </c:pt>
                <c:pt idx="1065">
                  <c:v>0</c:v>
                </c:pt>
                <c:pt idx="1066">
                  <c:v>0</c:v>
                </c:pt>
                <c:pt idx="1067">
                  <c:v>0</c:v>
                </c:pt>
                <c:pt idx="1068">
                  <c:v>0.5</c:v>
                </c:pt>
                <c:pt idx="1069">
                  <c:v>0.5</c:v>
                </c:pt>
                <c:pt idx="1070">
                  <c:v>0.5</c:v>
                </c:pt>
                <c:pt idx="1071">
                  <c:v>0.5</c:v>
                </c:pt>
                <c:pt idx="1072">
                  <c:v>0.5</c:v>
                </c:pt>
                <c:pt idx="1073">
                  <c:v>0.5</c:v>
                </c:pt>
                <c:pt idx="1074">
                  <c:v>0.5</c:v>
                </c:pt>
                <c:pt idx="1075">
                  <c:v>0.5</c:v>
                </c:pt>
                <c:pt idx="1076">
                  <c:v>0.5</c:v>
                </c:pt>
                <c:pt idx="1077">
                  <c:v>0.5</c:v>
                </c:pt>
                <c:pt idx="1078">
                  <c:v>0.5</c:v>
                </c:pt>
                <c:pt idx="1079">
                  <c:v>0.5</c:v>
                </c:pt>
                <c:pt idx="1080">
                  <c:v>1</c:v>
                </c:pt>
                <c:pt idx="1081">
                  <c:v>1</c:v>
                </c:pt>
                <c:pt idx="1082">
                  <c:v>1</c:v>
                </c:pt>
                <c:pt idx="1083">
                  <c:v>1</c:v>
                </c:pt>
                <c:pt idx="1084">
                  <c:v>1</c:v>
                </c:pt>
                <c:pt idx="1085">
                  <c:v>1</c:v>
                </c:pt>
                <c:pt idx="1086">
                  <c:v>1</c:v>
                </c:pt>
                <c:pt idx="1087">
                  <c:v>0.5</c:v>
                </c:pt>
                <c:pt idx="1088">
                  <c:v>0.5</c:v>
                </c:pt>
                <c:pt idx="1089">
                  <c:v>0.5</c:v>
                </c:pt>
                <c:pt idx="1090">
                  <c:v>0.5</c:v>
                </c:pt>
                <c:pt idx="1091">
                  <c:v>0</c:v>
                </c:pt>
                <c:pt idx="1092">
                  <c:v>0</c:v>
                </c:pt>
                <c:pt idx="1093">
                  <c:v>0</c:v>
                </c:pt>
                <c:pt idx="1094">
                  <c:v>0</c:v>
                </c:pt>
                <c:pt idx="1095">
                  <c:v>0</c:v>
                </c:pt>
                <c:pt idx="1096">
                  <c:v>0</c:v>
                </c:pt>
                <c:pt idx="1097">
                  <c:v>0</c:v>
                </c:pt>
                <c:pt idx="1098">
                  <c:v>0</c:v>
                </c:pt>
                <c:pt idx="1099">
                  <c:v>0</c:v>
                </c:pt>
                <c:pt idx="1100">
                  <c:v>0</c:v>
                </c:pt>
                <c:pt idx="1101">
                  <c:v>0</c:v>
                </c:pt>
                <c:pt idx="1102">
                  <c:v>0</c:v>
                </c:pt>
                <c:pt idx="1103">
                  <c:v>0</c:v>
                </c:pt>
                <c:pt idx="1104">
                  <c:v>0</c:v>
                </c:pt>
                <c:pt idx="1105">
                  <c:v>0</c:v>
                </c:pt>
                <c:pt idx="1106">
                  <c:v>0</c:v>
                </c:pt>
                <c:pt idx="1107">
                  <c:v>0</c:v>
                </c:pt>
                <c:pt idx="1108">
                  <c:v>0</c:v>
                </c:pt>
                <c:pt idx="1109">
                  <c:v>0</c:v>
                </c:pt>
                <c:pt idx="1110">
                  <c:v>0</c:v>
                </c:pt>
                <c:pt idx="1111">
                  <c:v>0</c:v>
                </c:pt>
                <c:pt idx="1112">
                  <c:v>0</c:v>
                </c:pt>
                <c:pt idx="1113">
                  <c:v>0</c:v>
                </c:pt>
                <c:pt idx="1114">
                  <c:v>0</c:v>
                </c:pt>
                <c:pt idx="1115">
                  <c:v>0</c:v>
                </c:pt>
                <c:pt idx="1116">
                  <c:v>0</c:v>
                </c:pt>
                <c:pt idx="1117">
                  <c:v>0</c:v>
                </c:pt>
                <c:pt idx="1118">
                  <c:v>0</c:v>
                </c:pt>
                <c:pt idx="1119">
                  <c:v>0</c:v>
                </c:pt>
                <c:pt idx="1120">
                  <c:v>0</c:v>
                </c:pt>
                <c:pt idx="1121">
                  <c:v>0</c:v>
                </c:pt>
                <c:pt idx="1122">
                  <c:v>0</c:v>
                </c:pt>
                <c:pt idx="1123">
                  <c:v>0</c:v>
                </c:pt>
                <c:pt idx="1124">
                  <c:v>0</c:v>
                </c:pt>
                <c:pt idx="1125">
                  <c:v>0</c:v>
                </c:pt>
                <c:pt idx="1126">
                  <c:v>0</c:v>
                </c:pt>
                <c:pt idx="1127">
                  <c:v>0</c:v>
                </c:pt>
                <c:pt idx="1128">
                  <c:v>0</c:v>
                </c:pt>
                <c:pt idx="1129">
                  <c:v>0</c:v>
                </c:pt>
                <c:pt idx="1130">
                  <c:v>0</c:v>
                </c:pt>
              </c:numCache>
            </c:numRef>
          </c:yVal>
          <c:smooth val="0"/>
          <c:extLst>
            <c:ext xmlns:c16="http://schemas.microsoft.com/office/drawing/2014/chart" uri="{C3380CC4-5D6E-409C-BE32-E72D297353CC}">
              <c16:uniqueId val="{00000002-A97B-4A5D-A22D-F275A00FA2D2}"/>
            </c:ext>
          </c:extLst>
        </c:ser>
        <c:dLbls>
          <c:showLegendKey val="0"/>
          <c:showVal val="0"/>
          <c:showCatName val="0"/>
          <c:showSerName val="0"/>
          <c:showPercent val="0"/>
          <c:showBubbleSize val="0"/>
        </c:dLbls>
        <c:axId val="242701824"/>
        <c:axId val="242703360"/>
      </c:scatterChart>
      <c:valAx>
        <c:axId val="242701824"/>
        <c:scaling>
          <c:orientation val="minMax"/>
        </c:scaling>
        <c:delete val="0"/>
        <c:axPos val="b"/>
        <c:numFmt formatCode="m/d;@" sourceLinked="0"/>
        <c:majorTickMark val="out"/>
        <c:minorTickMark val="none"/>
        <c:tickLblPos val="nextTo"/>
        <c:crossAx val="242703360"/>
        <c:crosses val="autoZero"/>
        <c:crossBetween val="midCat"/>
      </c:valAx>
      <c:valAx>
        <c:axId val="242703360"/>
        <c:scaling>
          <c:orientation val="minMax"/>
          <c:min val="0"/>
        </c:scaling>
        <c:delete val="0"/>
        <c:axPos val="l"/>
        <c:majorGridlines/>
        <c:numFmt formatCode="General" sourceLinked="1"/>
        <c:majorTickMark val="out"/>
        <c:minorTickMark val="none"/>
        <c:tickLblPos val="nextTo"/>
        <c:crossAx val="242701824"/>
        <c:crosses val="autoZero"/>
        <c:crossBetween val="midCat"/>
      </c:valAx>
    </c:plotArea>
    <c:legend>
      <c:legendPos val="r"/>
      <c:overlay val="0"/>
    </c:legend>
    <c:plotVisOnly val="1"/>
    <c:dispBlanksAs val="gap"/>
    <c:showDLblsOverMax val="0"/>
  </c:chart>
  <c:externalData r:id="rId2">
    <c:autoUpdate val="0"/>
  </c:externalData>
  <c:userShapes r:id="rId3"/>
</c:chartSpace>
</file>

<file path=ppt/drawings/drawing1.xml><?xml version="1.0" encoding="utf-8"?>
<c:userShapes xmlns:c="http://schemas.openxmlformats.org/drawingml/2006/chart">
  <cdr:relSizeAnchor xmlns:cdr="http://schemas.openxmlformats.org/drawingml/2006/chartDrawing">
    <cdr:from>
      <cdr:x>0.77105</cdr:x>
      <cdr:y>0.0309</cdr:y>
    </cdr:from>
    <cdr:to>
      <cdr:x>0.97105</cdr:x>
      <cdr:y>0.26167</cdr:y>
    </cdr:to>
    <cdr:sp macro="" textlink="">
      <cdr:nvSpPr>
        <cdr:cNvPr id="2" name="テキスト ボックス 1"/>
        <cdr:cNvSpPr txBox="1"/>
      </cdr:nvSpPr>
      <cdr:spPr>
        <a:xfrm xmlns:a="http://schemas.openxmlformats.org/drawingml/2006/main">
          <a:off x="5140960" y="119380"/>
          <a:ext cx="1333500" cy="891540"/>
        </a:xfrm>
        <a:prstGeom xmlns:a="http://schemas.openxmlformats.org/drawingml/2006/main" prst="rect">
          <a:avLst/>
        </a:prstGeom>
        <a:solidFill xmlns:a="http://schemas.openxmlformats.org/drawingml/2006/main">
          <a:schemeClr val="lt1"/>
        </a:solidFill>
        <a:ln xmlns:a="http://schemas.openxmlformats.org/drawingml/2006/main" w="9525" cmpd="sng">
          <a:solidFill>
            <a:schemeClr val="lt1">
              <a:shade val="50000"/>
            </a:schemeClr>
          </a:solid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marL="0" marR="0" indent="0" defTabSz="914400" eaLnBrk="1" fontAlgn="auto" latinLnBrk="0" hangingPunct="1">
            <a:lnSpc>
              <a:spcPct val="100000"/>
            </a:lnSpc>
            <a:spcBef>
              <a:spcPts val="0"/>
            </a:spcBef>
            <a:spcAft>
              <a:spcPts val="0"/>
            </a:spcAft>
            <a:buClrTx/>
            <a:buSzTx/>
            <a:buFontTx/>
            <a:buNone/>
            <a:tabLst/>
            <a:defRPr/>
          </a:pPr>
          <a:r>
            <a:rPr lang="en-US" altLang="ja-JP" sz="1100">
              <a:solidFill>
                <a:schemeClr val="dk1"/>
              </a:solidFill>
              <a:latin typeface="+mn-lt"/>
              <a:ea typeface="+mn-ea"/>
              <a:cs typeface="+mn-cs"/>
            </a:rPr>
            <a:t>2018</a:t>
          </a:r>
          <a:r>
            <a:rPr lang="ja-JP" altLang="en-US" sz="1100">
              <a:solidFill>
                <a:schemeClr val="dk1"/>
              </a:solidFill>
              <a:latin typeface="+mn-lt"/>
              <a:ea typeface="+mn-ea"/>
              <a:cs typeface="+mn-cs"/>
            </a:rPr>
            <a:t>年</a:t>
          </a:r>
          <a:r>
            <a:rPr lang="en-US" altLang="ja-JP" sz="1100">
              <a:solidFill>
                <a:schemeClr val="dk1"/>
              </a:solidFill>
              <a:latin typeface="+mn-lt"/>
              <a:ea typeface="+mn-ea"/>
              <a:cs typeface="+mn-cs"/>
            </a:rPr>
            <a:t>5</a:t>
          </a:r>
          <a:r>
            <a:rPr lang="ja-JP" altLang="en-US" sz="1100">
              <a:solidFill>
                <a:schemeClr val="dk1"/>
              </a:solidFill>
              <a:latin typeface="+mn-lt"/>
              <a:ea typeface="+mn-ea"/>
              <a:cs typeface="+mn-cs"/>
            </a:rPr>
            <a:t>月</a:t>
          </a:r>
          <a:r>
            <a:rPr lang="en-US" altLang="ja-JP" sz="1100">
              <a:solidFill>
                <a:schemeClr val="dk1"/>
              </a:solidFill>
              <a:latin typeface="+mn-lt"/>
              <a:ea typeface="+mn-ea"/>
              <a:cs typeface="+mn-cs"/>
            </a:rPr>
            <a:t>18</a:t>
          </a:r>
          <a:r>
            <a:rPr lang="ja-JP" altLang="en-US" sz="1100">
              <a:solidFill>
                <a:schemeClr val="dk1"/>
              </a:solidFill>
              <a:latin typeface="+mn-lt"/>
              <a:ea typeface="+mn-ea"/>
              <a:cs typeface="+mn-cs"/>
            </a:rPr>
            <a:t>日</a:t>
          </a:r>
          <a:r>
            <a:rPr lang="en-US" altLang="ja-JP" sz="1100">
              <a:solidFill>
                <a:schemeClr val="dk1"/>
              </a:solidFill>
              <a:latin typeface="+mn-lt"/>
              <a:ea typeface="+mn-ea"/>
              <a:cs typeface="+mn-cs"/>
            </a:rPr>
            <a:t>AM7</a:t>
          </a:r>
          <a:r>
            <a:rPr lang="ja-JP" altLang="en-US" sz="1100">
              <a:solidFill>
                <a:schemeClr val="dk1"/>
              </a:solidFill>
              <a:latin typeface="+mn-lt"/>
              <a:ea typeface="+mn-ea"/>
              <a:cs typeface="+mn-cs"/>
            </a:rPr>
            <a:t>：</a:t>
          </a:r>
          <a:r>
            <a:rPr lang="en-US" altLang="ja-JP" sz="1100">
              <a:solidFill>
                <a:schemeClr val="dk1"/>
              </a:solidFill>
              <a:latin typeface="+mn-lt"/>
              <a:ea typeface="+mn-ea"/>
              <a:cs typeface="+mn-cs"/>
            </a:rPr>
            <a:t>55</a:t>
          </a:r>
          <a:r>
            <a:rPr lang="ja-JP" altLang="en-US" sz="1100">
              <a:solidFill>
                <a:schemeClr val="dk1"/>
              </a:solidFill>
              <a:latin typeface="+mn-lt"/>
              <a:ea typeface="+mn-ea"/>
              <a:cs typeface="+mn-cs"/>
            </a:rPr>
            <a:t>までの</a:t>
          </a:r>
          <a:endParaRPr lang="en-US" altLang="ja-JP" sz="1100">
            <a:solidFill>
              <a:schemeClr val="dk1"/>
            </a:solidFill>
            <a:latin typeface="+mn-lt"/>
            <a:ea typeface="+mn-ea"/>
            <a:cs typeface="+mn-cs"/>
          </a:endParaRPr>
        </a:p>
        <a:p xmlns:a="http://schemas.openxmlformats.org/drawingml/2006/main">
          <a:pPr marL="0" marR="0" indent="0" defTabSz="914400" eaLnBrk="1" fontAlgn="auto" latinLnBrk="0" hangingPunct="1">
            <a:lnSpc>
              <a:spcPct val="100000"/>
            </a:lnSpc>
            <a:spcBef>
              <a:spcPts val="0"/>
            </a:spcBef>
            <a:spcAft>
              <a:spcPts val="0"/>
            </a:spcAft>
            <a:buClrTx/>
            <a:buSzTx/>
            <a:buFontTx/>
            <a:buNone/>
            <a:tabLst/>
            <a:defRPr/>
          </a:pPr>
          <a:r>
            <a:rPr lang="ja-JP" altLang="en-US" sz="1100">
              <a:solidFill>
                <a:schemeClr val="dk1"/>
              </a:solidFill>
              <a:latin typeface="+mn-lt"/>
              <a:ea typeface="+mn-ea"/>
              <a:cs typeface="+mn-cs"/>
            </a:rPr>
            <a:t>データグラフ</a:t>
          </a:r>
          <a:endParaRPr kumimoji="1" lang="ja-JP" altLang="en-US" sz="1100"/>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B6386326-ADE1-4D85-B675-91489F2CB36C}" type="datetimeFigureOut">
              <a:rPr kumimoji="1" lang="ja-JP" altLang="en-US" smtClean="0"/>
              <a:t>2025/4/16</a:t>
            </a:fld>
            <a:endParaRPr kumimoji="1" lang="ja-JP" altLang="en-US"/>
          </a:p>
        </p:txBody>
      </p:sp>
      <p:sp>
        <p:nvSpPr>
          <p:cNvPr id="4" name="スライド イメージ プレースホルダー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23480EB9-246D-4EE4-9031-A6A55F52C600}" type="slidenum">
              <a:rPr kumimoji="1" lang="ja-JP" altLang="en-US" smtClean="0"/>
              <a:t>‹#›</a:t>
            </a:fld>
            <a:endParaRPr kumimoji="1" lang="ja-JP" altLang="en-US"/>
          </a:p>
        </p:txBody>
      </p:sp>
    </p:spTree>
    <p:extLst>
      <p:ext uri="{BB962C8B-B14F-4D97-AF65-F5344CB8AC3E}">
        <p14:creationId xmlns:p14="http://schemas.microsoft.com/office/powerpoint/2010/main" val="2562218536"/>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スライド イメージ プレースホルダー 1">
            <a:extLst>
              <a:ext uri="{FF2B5EF4-FFF2-40B4-BE49-F238E27FC236}">
                <a16:creationId xmlns:a16="http://schemas.microsoft.com/office/drawing/2014/main" id="{2C9508D0-CD96-A1CC-6397-2E9BD190AE98}"/>
              </a:ext>
            </a:extLst>
          </p:cNvPr>
          <p:cNvSpPr>
            <a:spLocks noGrp="1" noRot="1" noChangeAspect="1" noChangeArrowheads="1" noTextEdit="1"/>
          </p:cNvSpPr>
          <p:nvPr>
            <p:ph type="sldImg"/>
          </p:nvPr>
        </p:nvSpPr>
        <p:spPr>
          <a:xfrm>
            <a:off x="1147763" y="1233488"/>
            <a:ext cx="4440237" cy="3328987"/>
          </a:xfrm>
          <a:ln/>
        </p:spPr>
      </p:sp>
      <p:sp>
        <p:nvSpPr>
          <p:cNvPr id="57347" name="ノート プレースホルダー 2">
            <a:extLst>
              <a:ext uri="{FF2B5EF4-FFF2-40B4-BE49-F238E27FC236}">
                <a16:creationId xmlns:a16="http://schemas.microsoft.com/office/drawing/2014/main" id="{1EF79D47-F2E5-0B88-EC9B-5297BBF9A55C}"/>
              </a:ext>
            </a:extLst>
          </p:cNvPr>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a:latin typeface="Arial" panose="020B0604020202020204" pitchFamily="34" charset="0"/>
            </a:endParaRPr>
          </a:p>
        </p:txBody>
      </p:sp>
      <p:sp>
        <p:nvSpPr>
          <p:cNvPr id="57348" name="スライド番号プレースホルダー 3">
            <a:extLst>
              <a:ext uri="{FF2B5EF4-FFF2-40B4-BE49-F238E27FC236}">
                <a16:creationId xmlns:a16="http://schemas.microsoft.com/office/drawing/2014/main" id="{4CA40290-54D0-D79F-E7A8-B57149F3C088}"/>
              </a:ext>
            </a:extLst>
          </p:cNvPr>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2950" indent="-285750">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43000" indent="-228600">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600200" indent="-228600">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57400" indent="-228600">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146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718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290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886200" indent="-228600"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D5AF7247-EA28-49C4-A1B2-A53857909C08}" type="slidenum">
              <a:rPr lang="en-US" altLang="ja-JP" smtClean="0">
                <a:ea typeface="ＭＳ Ｐゴシック" panose="020B0600070205080204" pitchFamily="50" charset="-128"/>
              </a:rPr>
              <a:pPr>
                <a:spcBef>
                  <a:spcPct val="0"/>
                </a:spcBef>
              </a:pPr>
              <a:t>32</a:t>
            </a:fld>
            <a:endParaRPr lang="en-US" altLang="ja-JP">
              <a:ea typeface="ＭＳ Ｐゴシック" panose="020B0600070205080204" pitchFamily="50" charset="-128"/>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151245189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369600290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254506414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
  <p:cSld name="Blank">
    <p:spTree>
      <p:nvGrpSpPr>
        <p:cNvPr id="1" name=""/>
        <p:cNvGrpSpPr/>
        <p:nvPr/>
      </p:nvGrpSpPr>
      <p:grpSpPr>
        <a:xfrm>
          <a:off x="0" y="0"/>
          <a:ext cx="0" cy="0"/>
          <a:chOff x="0" y="0"/>
          <a:chExt cx="0" cy="0"/>
        </a:xfrm>
      </p:grpSpPr>
      <p:sp>
        <p:nvSpPr>
          <p:cNvPr id="2" name="Holder 2"/>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3" name="Holder 3"/>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4/16/2025</a:t>
            </a:fld>
            <a:endParaRPr lang="en-US"/>
          </a:p>
        </p:txBody>
      </p:sp>
      <p:sp>
        <p:nvSpPr>
          <p:cNvPr id="4" name="Holder 4"/>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80766156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359255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269160714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24780390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365330506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1489923585"/>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257760817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125635683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アイコンをクリックして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432A1000-DAA3-4089-8763-36032EA44E8C}" type="datetimeFigureOut">
              <a:rPr kumimoji="1" lang="ja-JP" altLang="en-US" smtClean="0"/>
              <a:t>2025/4/16</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137245809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432A1000-DAA3-4089-8763-36032EA44E8C}" type="datetimeFigureOut">
              <a:rPr kumimoji="1" lang="ja-JP" altLang="en-US" smtClean="0"/>
              <a:t>2025/4/16</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BBC1341-9416-4104-BC5D-A2B8576E94A2}" type="slidenum">
              <a:rPr kumimoji="1" lang="ja-JP" altLang="en-US" smtClean="0"/>
              <a:t>‹#›</a:t>
            </a:fld>
            <a:endParaRPr kumimoji="1" lang="ja-JP" altLang="en-US"/>
          </a:p>
        </p:txBody>
      </p:sp>
    </p:spTree>
    <p:extLst>
      <p:ext uri="{BB962C8B-B14F-4D97-AF65-F5344CB8AC3E}">
        <p14:creationId xmlns:p14="http://schemas.microsoft.com/office/powerpoint/2010/main" val="3310593664"/>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Lst>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image" Target="../media/image28.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slideLayout" Target="../slideLayouts/slideLayout10.xml"/><Relationship Id="rId4" Type="http://schemas.openxmlformats.org/officeDocument/2006/relationships/image" Target="../media/image31.png"/></Relationships>
</file>

<file path=ppt/slides/_rels/slide22.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32.png"/><Relationship Id="rId1" Type="http://schemas.openxmlformats.org/officeDocument/2006/relationships/slideLayout" Target="../slideLayouts/slideLayout2.xml"/><Relationship Id="rId5" Type="http://schemas.openxmlformats.org/officeDocument/2006/relationships/image" Target="../media/image35.jpg"/><Relationship Id="rId4" Type="http://schemas.openxmlformats.org/officeDocument/2006/relationships/image" Target="../media/image34.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image" Target="../media/image36.jpg"/><Relationship Id="rId1" Type="http://schemas.openxmlformats.org/officeDocument/2006/relationships/slideLayout" Target="../slideLayouts/slideLayout1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image" Target="../media/image38.emf"/><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image" Target="../media/image39.jpeg"/><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image" Target="../media/image41.jpeg"/><Relationship Id="rId1" Type="http://schemas.openxmlformats.org/officeDocument/2006/relationships/slideLayout" Target="../slideLayouts/slideLayout7.xml"/><Relationship Id="rId4" Type="http://schemas.openxmlformats.org/officeDocument/2006/relationships/image" Target="../media/image43.png"/></Relationships>
</file>

<file path=ppt/slides/_rels/slide34.xml.rels><?xml version="1.0" encoding="UTF-8" standalone="yes"?>
<Relationships xmlns="http://schemas.openxmlformats.org/package/2006/relationships"><Relationship Id="rId3" Type="http://schemas.openxmlformats.org/officeDocument/2006/relationships/image" Target="../media/image45.jpeg"/><Relationship Id="rId2" Type="http://schemas.openxmlformats.org/officeDocument/2006/relationships/image" Target="../media/image44.jpeg"/><Relationship Id="rId1" Type="http://schemas.openxmlformats.org/officeDocument/2006/relationships/slideLayout" Target="../slideLayouts/slideLayout7.xml"/><Relationship Id="rId4" Type="http://schemas.openxmlformats.org/officeDocument/2006/relationships/image" Target="../media/image46.jpeg"/></Relationships>
</file>

<file path=ppt/slides/_rels/slide35.xml.rels><?xml version="1.0" encoding="UTF-8" standalone="yes"?>
<Relationships xmlns="http://schemas.openxmlformats.org/package/2006/relationships"><Relationship Id="rId2" Type="http://schemas.openxmlformats.org/officeDocument/2006/relationships/image" Target="../media/image47.jpeg"/><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3" Type="http://schemas.openxmlformats.org/officeDocument/2006/relationships/image" Target="../media/image49.jpeg"/><Relationship Id="rId2" Type="http://schemas.openxmlformats.org/officeDocument/2006/relationships/image" Target="../media/image48.png"/><Relationship Id="rId1" Type="http://schemas.openxmlformats.org/officeDocument/2006/relationships/slideLayout" Target="../slideLayouts/slideLayout7.xml"/><Relationship Id="rId6" Type="http://schemas.openxmlformats.org/officeDocument/2006/relationships/image" Target="../media/image52.jpeg"/><Relationship Id="rId5" Type="http://schemas.openxmlformats.org/officeDocument/2006/relationships/chart" Target="../charts/chart1.xml"/><Relationship Id="rId4" Type="http://schemas.openxmlformats.org/officeDocument/2006/relationships/image" Target="../media/image50.jpeg"/></Relationships>
</file>

<file path=ppt/slides/_rels/slide37.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3" Type="http://schemas.openxmlformats.org/officeDocument/2006/relationships/image" Target="../media/image55.jpeg"/><Relationship Id="rId2" Type="http://schemas.openxmlformats.org/officeDocument/2006/relationships/image" Target="../media/image54.jpe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png"/><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8.jpeg"/><Relationship Id="rId1" Type="http://schemas.openxmlformats.org/officeDocument/2006/relationships/slideLayout" Target="../slideLayouts/slideLayout7.xml"/><Relationship Id="rId6" Type="http://schemas.openxmlformats.org/officeDocument/2006/relationships/image" Target="../media/image12.jpeg"/><Relationship Id="rId5" Type="http://schemas.openxmlformats.org/officeDocument/2006/relationships/image" Target="../media/image11.jpeg"/><Relationship Id="rId4" Type="http://schemas.openxmlformats.org/officeDocument/2006/relationships/image" Target="../media/image10.jpeg"/></Relationships>
</file>

<file path=ppt/slides/_rels/slide8.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9990D41-AD35-9DCA-A0C5-BFAA6F7EB2AE}"/>
              </a:ext>
            </a:extLst>
          </p:cNvPr>
          <p:cNvSpPr>
            <a:spLocks noGrp="1"/>
          </p:cNvSpPr>
          <p:nvPr>
            <p:ph type="ctrTitle"/>
          </p:nvPr>
        </p:nvSpPr>
        <p:spPr/>
        <p:txBody>
          <a:bodyPr/>
          <a:lstStyle/>
          <a:p>
            <a:r>
              <a:rPr lang="ja-JP" altLang="ja-JP" sz="3600" kern="100" dirty="0">
                <a:latin typeface="游明朝" panose="02020400000000000000" pitchFamily="18" charset="-128"/>
                <a:ea typeface="游明朝" panose="02020400000000000000" pitchFamily="18" charset="-128"/>
                <a:cs typeface="Times New Roman" panose="02020603050405020304" pitchFamily="18" charset="0"/>
              </a:rPr>
              <a:t>「インフラ事故　への対応」　　　　　　　　　　　　　第１回</a:t>
            </a:r>
            <a:br>
              <a:rPr lang="ja-JP" altLang="ja-JP" sz="1800" kern="100" dirty="0">
                <a:latin typeface="游明朝" panose="02020400000000000000" pitchFamily="18" charset="-128"/>
                <a:ea typeface="游明朝" panose="02020400000000000000" pitchFamily="18" charset="-128"/>
                <a:cs typeface="Times New Roman" panose="02020603050405020304" pitchFamily="18" charset="0"/>
              </a:rPr>
            </a:br>
            <a:endParaRPr kumimoji="1" lang="ja-JP" altLang="en-US" dirty="0"/>
          </a:p>
        </p:txBody>
      </p:sp>
      <p:sp>
        <p:nvSpPr>
          <p:cNvPr id="3" name="字幕 2">
            <a:extLst>
              <a:ext uri="{FF2B5EF4-FFF2-40B4-BE49-F238E27FC236}">
                <a16:creationId xmlns:a16="http://schemas.microsoft.com/office/drawing/2014/main" id="{418F9D74-1B3E-F361-85BB-89C737ADAE1D}"/>
              </a:ext>
            </a:extLst>
          </p:cNvPr>
          <p:cNvSpPr>
            <a:spLocks noGrp="1"/>
          </p:cNvSpPr>
          <p:nvPr>
            <p:ph type="subTitle" idx="1"/>
          </p:nvPr>
        </p:nvSpPr>
        <p:spPr>
          <a:xfrm>
            <a:off x="0" y="3602038"/>
            <a:ext cx="9144000" cy="2613705"/>
          </a:xfrm>
        </p:spPr>
        <p:txBody>
          <a:bodyPr>
            <a:normAutofit fontScale="92500" lnSpcReduction="10000"/>
          </a:bodyPr>
          <a:lstStyle/>
          <a:p>
            <a:endParaRPr lang="en-US" altLang="ja-JP" kern="100" dirty="0">
              <a:latin typeface="游明朝" panose="02020400000000000000" pitchFamily="18" charset="-128"/>
              <a:ea typeface="游明朝" panose="02020400000000000000" pitchFamily="18" charset="-128"/>
              <a:cs typeface="Times New Roman" panose="02020603050405020304" pitchFamily="18" charset="0"/>
            </a:endParaRPr>
          </a:p>
          <a:p>
            <a:endParaRPr lang="en-US" altLang="ja-JP" kern="100" dirty="0">
              <a:latin typeface="游明朝" panose="02020400000000000000" pitchFamily="18" charset="-128"/>
              <a:ea typeface="游明朝" panose="02020400000000000000" pitchFamily="18" charset="-128"/>
              <a:cs typeface="Times New Roman" panose="02020603050405020304" pitchFamily="18" charset="0"/>
            </a:endParaRPr>
          </a:p>
          <a:p>
            <a:endParaRPr lang="en-US" altLang="ja-JP" kern="100" dirty="0">
              <a:latin typeface="游明朝" panose="02020400000000000000" pitchFamily="18" charset="-128"/>
              <a:ea typeface="游明朝" panose="02020400000000000000" pitchFamily="18" charset="-128"/>
              <a:cs typeface="Times New Roman" panose="02020603050405020304" pitchFamily="18" charset="0"/>
            </a:endParaRPr>
          </a:p>
          <a:p>
            <a:r>
              <a:rPr lang="ja-JP" altLang="en-US" kern="100" dirty="0">
                <a:latin typeface="游明朝" panose="02020400000000000000" pitchFamily="18" charset="-128"/>
                <a:ea typeface="游明朝" panose="02020400000000000000" pitchFamily="18" charset="-128"/>
                <a:cs typeface="Times New Roman" panose="02020603050405020304" pitchFamily="18" charset="0"/>
              </a:rPr>
              <a:t>植野ｲﾝﾌﾗﾏﾈｼﾞﾒﾝﾄｵﾌｨｽ</a:t>
            </a:r>
            <a:endParaRPr lang="en-US" altLang="ja-JP" kern="100" dirty="0">
              <a:latin typeface="游明朝" panose="02020400000000000000" pitchFamily="18" charset="-128"/>
              <a:ea typeface="游明朝" panose="02020400000000000000" pitchFamily="18" charset="-128"/>
              <a:cs typeface="Times New Roman" panose="02020603050405020304" pitchFamily="18" charset="0"/>
            </a:endParaRPr>
          </a:p>
          <a:p>
            <a:r>
              <a:rPr lang="ja-JP" altLang="en-US" kern="100" dirty="0">
                <a:latin typeface="游明朝" panose="02020400000000000000" pitchFamily="18" charset="-128"/>
                <a:ea typeface="游明朝" panose="02020400000000000000" pitchFamily="18" charset="-128"/>
                <a:cs typeface="Times New Roman" panose="02020603050405020304" pitchFamily="18" charset="0"/>
              </a:rPr>
              <a:t>（富山市　政策アドバイザー）</a:t>
            </a:r>
            <a:endParaRPr lang="en-US" altLang="ja-JP" kern="100" dirty="0">
              <a:latin typeface="游明朝" panose="02020400000000000000" pitchFamily="18" charset="-128"/>
              <a:ea typeface="游明朝" panose="02020400000000000000" pitchFamily="18" charset="-128"/>
              <a:cs typeface="Times New Roman" panose="02020603050405020304" pitchFamily="18" charset="0"/>
            </a:endParaRPr>
          </a:p>
          <a:p>
            <a:r>
              <a:rPr lang="ja-JP" altLang="ja-JP" kern="100" dirty="0">
                <a:latin typeface="游明朝" panose="02020400000000000000" pitchFamily="18" charset="-128"/>
                <a:ea typeface="游明朝" panose="02020400000000000000" pitchFamily="18" charset="-128"/>
                <a:cs typeface="Times New Roman" panose="02020603050405020304" pitchFamily="18" charset="0"/>
              </a:rPr>
              <a:t>植野芳彦</a:t>
            </a:r>
            <a:br>
              <a:rPr lang="ja-JP" altLang="ja-JP" kern="100" dirty="0">
                <a:latin typeface="游明朝" panose="02020400000000000000" pitchFamily="18" charset="-128"/>
                <a:ea typeface="游明朝" panose="02020400000000000000" pitchFamily="18" charset="-128"/>
                <a:cs typeface="Times New Roman" panose="02020603050405020304" pitchFamily="18" charset="0"/>
              </a:rPr>
            </a:br>
            <a:endParaRPr kumimoji="1" lang="ja-JP" altLang="en-US" dirty="0"/>
          </a:p>
        </p:txBody>
      </p:sp>
    </p:spTree>
    <p:extLst>
      <p:ext uri="{BB962C8B-B14F-4D97-AF65-F5344CB8AC3E}">
        <p14:creationId xmlns:p14="http://schemas.microsoft.com/office/powerpoint/2010/main" val="4215219934"/>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02A6DFD-FEE9-AD7A-80AF-E199635BCD59}"/>
            </a:ext>
          </a:extLst>
        </p:cNvPr>
        <p:cNvGrpSpPr/>
        <p:nvPr/>
      </p:nvGrpSpPr>
      <p:grpSpPr>
        <a:xfrm>
          <a:off x="0" y="0"/>
          <a:ext cx="0" cy="0"/>
          <a:chOff x="0" y="0"/>
          <a:chExt cx="0" cy="0"/>
        </a:xfrm>
      </p:grpSpPr>
      <p:pic>
        <p:nvPicPr>
          <p:cNvPr id="2" name="図 1">
            <a:extLst>
              <a:ext uri="{FF2B5EF4-FFF2-40B4-BE49-F238E27FC236}">
                <a16:creationId xmlns:a16="http://schemas.microsoft.com/office/drawing/2014/main" id="{4E9AE852-BFF6-1165-B3CF-A0D8E576CFDC}"/>
              </a:ext>
            </a:extLst>
          </p:cNvPr>
          <p:cNvPicPr>
            <a:picLocks noChangeAspect="1"/>
          </p:cNvPicPr>
          <p:nvPr/>
        </p:nvPicPr>
        <p:blipFill>
          <a:blip r:embed="rId2"/>
          <a:stretch>
            <a:fillRect/>
          </a:stretch>
        </p:blipFill>
        <p:spPr>
          <a:xfrm>
            <a:off x="80590" y="310418"/>
            <a:ext cx="5146334" cy="6858000"/>
          </a:xfrm>
          <a:prstGeom prst="rect">
            <a:avLst/>
          </a:prstGeom>
        </p:spPr>
      </p:pic>
      <p:sp>
        <p:nvSpPr>
          <p:cNvPr id="3" name="楕円 2">
            <a:extLst>
              <a:ext uri="{FF2B5EF4-FFF2-40B4-BE49-F238E27FC236}">
                <a16:creationId xmlns:a16="http://schemas.microsoft.com/office/drawing/2014/main" id="{DFDBF43C-173A-928F-8C59-40ACF8D89080}"/>
              </a:ext>
            </a:extLst>
          </p:cNvPr>
          <p:cNvSpPr/>
          <p:nvPr/>
        </p:nvSpPr>
        <p:spPr>
          <a:xfrm>
            <a:off x="2309553" y="2514600"/>
            <a:ext cx="914400" cy="914400"/>
          </a:xfrm>
          <a:prstGeom prst="ellipse">
            <a:avLst/>
          </a:prstGeom>
          <a:noFill/>
          <a:ln w="38100">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4" name="図 3">
            <a:extLst>
              <a:ext uri="{FF2B5EF4-FFF2-40B4-BE49-F238E27FC236}">
                <a16:creationId xmlns:a16="http://schemas.microsoft.com/office/drawing/2014/main" id="{3FAB7183-3F03-F9A3-EAD3-16655F5394CD}"/>
              </a:ext>
            </a:extLst>
          </p:cNvPr>
          <p:cNvPicPr>
            <a:picLocks noChangeAspect="1"/>
          </p:cNvPicPr>
          <p:nvPr/>
        </p:nvPicPr>
        <p:blipFill>
          <a:blip r:embed="rId3"/>
          <a:stretch>
            <a:fillRect/>
          </a:stretch>
        </p:blipFill>
        <p:spPr>
          <a:xfrm>
            <a:off x="4088890" y="97972"/>
            <a:ext cx="5146334" cy="6858000"/>
          </a:xfrm>
          <a:prstGeom prst="rect">
            <a:avLst/>
          </a:prstGeom>
        </p:spPr>
      </p:pic>
    </p:spTree>
    <p:extLst>
      <p:ext uri="{BB962C8B-B14F-4D97-AF65-F5344CB8AC3E}">
        <p14:creationId xmlns:p14="http://schemas.microsoft.com/office/powerpoint/2010/main" val="13922471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6B8EA9EE-E32A-8C47-37D0-A8DDE516A8B1}"/>
              </a:ext>
            </a:extLst>
          </p:cNvPr>
          <p:cNvPicPr>
            <a:picLocks noChangeAspect="1"/>
          </p:cNvPicPr>
          <p:nvPr/>
        </p:nvPicPr>
        <p:blipFill>
          <a:blip r:embed="rId2"/>
          <a:stretch>
            <a:fillRect/>
          </a:stretch>
        </p:blipFill>
        <p:spPr>
          <a:xfrm>
            <a:off x="49633" y="981075"/>
            <a:ext cx="3654198" cy="5640414"/>
          </a:xfrm>
          <a:prstGeom prst="rect">
            <a:avLst/>
          </a:prstGeom>
        </p:spPr>
      </p:pic>
      <p:pic>
        <p:nvPicPr>
          <p:cNvPr id="3" name="図 2">
            <a:extLst>
              <a:ext uri="{FF2B5EF4-FFF2-40B4-BE49-F238E27FC236}">
                <a16:creationId xmlns:a16="http://schemas.microsoft.com/office/drawing/2014/main" id="{5698356E-41DC-9584-F381-FF25ADAB8902}"/>
              </a:ext>
            </a:extLst>
          </p:cNvPr>
          <p:cNvPicPr>
            <a:picLocks noChangeAspect="1"/>
          </p:cNvPicPr>
          <p:nvPr/>
        </p:nvPicPr>
        <p:blipFill>
          <a:blip r:embed="rId3"/>
          <a:stretch>
            <a:fillRect/>
          </a:stretch>
        </p:blipFill>
        <p:spPr>
          <a:xfrm>
            <a:off x="3419925" y="2365657"/>
            <a:ext cx="5674442" cy="4255832"/>
          </a:xfrm>
          <a:prstGeom prst="rect">
            <a:avLst/>
          </a:prstGeom>
        </p:spPr>
      </p:pic>
      <p:sp>
        <p:nvSpPr>
          <p:cNvPr id="4" name="テキスト ボックス 3">
            <a:extLst>
              <a:ext uri="{FF2B5EF4-FFF2-40B4-BE49-F238E27FC236}">
                <a16:creationId xmlns:a16="http://schemas.microsoft.com/office/drawing/2014/main" id="{95748091-E03E-0D38-D9F6-DBE10DC37841}"/>
              </a:ext>
            </a:extLst>
          </p:cNvPr>
          <p:cNvSpPr txBox="1"/>
          <p:nvPr/>
        </p:nvSpPr>
        <p:spPr>
          <a:xfrm>
            <a:off x="4114800" y="424543"/>
            <a:ext cx="3676006" cy="584775"/>
          </a:xfrm>
          <a:prstGeom prst="rect">
            <a:avLst/>
          </a:prstGeom>
          <a:noFill/>
        </p:spPr>
        <p:txBody>
          <a:bodyPr wrap="none" rtlCol="0">
            <a:spAutoFit/>
          </a:bodyPr>
          <a:lstStyle/>
          <a:p>
            <a:r>
              <a:rPr kumimoji="1" lang="ja-JP" altLang="en-US" sz="3200" dirty="0"/>
              <a:t>国道</a:t>
            </a:r>
            <a:r>
              <a:rPr kumimoji="1" lang="en-US" altLang="ja-JP" sz="3200" dirty="0"/>
              <a:t>1</a:t>
            </a:r>
            <a:r>
              <a:rPr kumimoji="1" lang="ja-JP" altLang="en-US" sz="3200" dirty="0"/>
              <a:t>号線での事故</a:t>
            </a:r>
          </a:p>
        </p:txBody>
      </p:sp>
    </p:spTree>
    <p:extLst>
      <p:ext uri="{BB962C8B-B14F-4D97-AF65-F5344CB8AC3E}">
        <p14:creationId xmlns:p14="http://schemas.microsoft.com/office/powerpoint/2010/main" val="401900684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88FE578B-F2E0-0286-DFA2-BFA396BA15CB}"/>
              </a:ext>
            </a:extLst>
          </p:cNvPr>
          <p:cNvPicPr>
            <a:picLocks noChangeAspect="1"/>
          </p:cNvPicPr>
          <p:nvPr/>
        </p:nvPicPr>
        <p:blipFill>
          <a:blip r:embed="rId2"/>
          <a:stretch>
            <a:fillRect/>
          </a:stretch>
        </p:blipFill>
        <p:spPr>
          <a:xfrm>
            <a:off x="991831" y="965097"/>
            <a:ext cx="7161569" cy="5371177"/>
          </a:xfrm>
          <a:prstGeom prst="rect">
            <a:avLst/>
          </a:prstGeom>
        </p:spPr>
      </p:pic>
      <p:sp>
        <p:nvSpPr>
          <p:cNvPr id="3" name="テキスト ボックス 2">
            <a:extLst>
              <a:ext uri="{FF2B5EF4-FFF2-40B4-BE49-F238E27FC236}">
                <a16:creationId xmlns:a16="http://schemas.microsoft.com/office/drawing/2014/main" id="{891F3D9E-B934-74D9-E505-AF388BEDE077}"/>
              </a:ext>
            </a:extLst>
          </p:cNvPr>
          <p:cNvSpPr txBox="1"/>
          <p:nvPr/>
        </p:nvSpPr>
        <p:spPr>
          <a:xfrm>
            <a:off x="727412" y="549600"/>
            <a:ext cx="3416320" cy="415498"/>
          </a:xfrm>
          <a:prstGeom prst="rect">
            <a:avLst/>
          </a:prstGeom>
          <a:noFill/>
        </p:spPr>
        <p:txBody>
          <a:bodyPr wrap="none" rtlCol="0">
            <a:spAutoFit/>
          </a:bodyPr>
          <a:lstStyle/>
          <a:p>
            <a:r>
              <a:rPr kumimoji="1" lang="ja-JP" altLang="en-US" sz="2100" dirty="0"/>
              <a:t>２０１８年　有間川高架橋</a:t>
            </a:r>
          </a:p>
        </p:txBody>
      </p:sp>
    </p:spTree>
    <p:extLst>
      <p:ext uri="{BB962C8B-B14F-4D97-AF65-F5344CB8AC3E}">
        <p14:creationId xmlns:p14="http://schemas.microsoft.com/office/powerpoint/2010/main" val="312457600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809D60EC-C3DD-577C-3FBA-728389265F59}"/>
              </a:ext>
            </a:extLst>
          </p:cNvPr>
          <p:cNvPicPr>
            <a:picLocks noChangeAspect="1"/>
          </p:cNvPicPr>
          <p:nvPr/>
        </p:nvPicPr>
        <p:blipFill>
          <a:blip r:embed="rId2"/>
          <a:stretch>
            <a:fillRect/>
          </a:stretch>
        </p:blipFill>
        <p:spPr>
          <a:xfrm>
            <a:off x="2235264" y="1453242"/>
            <a:ext cx="4673471" cy="4580001"/>
          </a:xfrm>
          <a:prstGeom prst="rect">
            <a:avLst/>
          </a:prstGeom>
        </p:spPr>
      </p:pic>
      <p:sp>
        <p:nvSpPr>
          <p:cNvPr id="3" name="テキスト ボックス 2">
            <a:extLst>
              <a:ext uri="{FF2B5EF4-FFF2-40B4-BE49-F238E27FC236}">
                <a16:creationId xmlns:a16="http://schemas.microsoft.com/office/drawing/2014/main" id="{C9AD1A3B-B7B1-A471-E0CA-02DB327263DB}"/>
              </a:ext>
            </a:extLst>
          </p:cNvPr>
          <p:cNvSpPr txBox="1"/>
          <p:nvPr/>
        </p:nvSpPr>
        <p:spPr>
          <a:xfrm>
            <a:off x="387497" y="375028"/>
            <a:ext cx="5032147" cy="415498"/>
          </a:xfrm>
          <a:prstGeom prst="rect">
            <a:avLst/>
          </a:prstGeom>
          <a:noFill/>
        </p:spPr>
        <p:txBody>
          <a:bodyPr wrap="none" rtlCol="0">
            <a:spAutoFit/>
          </a:bodyPr>
          <a:lstStyle/>
          <a:p>
            <a:r>
              <a:rPr kumimoji="1" lang="ja-JP" altLang="en-US" sz="2100" b="1" dirty="0"/>
              <a:t>１９９１年　広島新交通システム桁落下</a:t>
            </a:r>
          </a:p>
        </p:txBody>
      </p:sp>
    </p:spTree>
    <p:extLst>
      <p:ext uri="{BB962C8B-B14F-4D97-AF65-F5344CB8AC3E}">
        <p14:creationId xmlns:p14="http://schemas.microsoft.com/office/powerpoint/2010/main" val="2074685550"/>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1C5D76F0-7270-F2F5-497D-6887B7039923}"/>
              </a:ext>
            </a:extLst>
          </p:cNvPr>
          <p:cNvPicPr>
            <a:picLocks noChangeAspect="1"/>
          </p:cNvPicPr>
          <p:nvPr/>
        </p:nvPicPr>
        <p:blipFill>
          <a:blip r:embed="rId2"/>
          <a:stretch>
            <a:fillRect/>
          </a:stretch>
        </p:blipFill>
        <p:spPr>
          <a:xfrm>
            <a:off x="285750" y="1182291"/>
            <a:ext cx="8572500" cy="4493419"/>
          </a:xfrm>
          <a:prstGeom prst="rect">
            <a:avLst/>
          </a:prstGeom>
        </p:spPr>
      </p:pic>
      <p:sp>
        <p:nvSpPr>
          <p:cNvPr id="3" name="テキスト ボックス 2">
            <a:extLst>
              <a:ext uri="{FF2B5EF4-FFF2-40B4-BE49-F238E27FC236}">
                <a16:creationId xmlns:a16="http://schemas.microsoft.com/office/drawing/2014/main" id="{D4D06EFD-A788-E1D3-A5D8-0EBFAAE1A559}"/>
              </a:ext>
            </a:extLst>
          </p:cNvPr>
          <p:cNvSpPr txBox="1"/>
          <p:nvPr/>
        </p:nvSpPr>
        <p:spPr>
          <a:xfrm>
            <a:off x="2521974" y="468877"/>
            <a:ext cx="4685898" cy="507831"/>
          </a:xfrm>
          <a:prstGeom prst="rect">
            <a:avLst/>
          </a:prstGeom>
          <a:noFill/>
        </p:spPr>
        <p:txBody>
          <a:bodyPr wrap="none" rtlCol="0">
            <a:spAutoFit/>
          </a:bodyPr>
          <a:lstStyle/>
          <a:p>
            <a:r>
              <a:rPr kumimoji="1" lang="ja-JP" altLang="en-US" sz="2700" dirty="0"/>
              <a:t>１９９４年　韓国　聖水大橋</a:t>
            </a:r>
          </a:p>
        </p:txBody>
      </p:sp>
    </p:spTree>
    <p:extLst>
      <p:ext uri="{BB962C8B-B14F-4D97-AF65-F5344CB8AC3E}">
        <p14:creationId xmlns:p14="http://schemas.microsoft.com/office/powerpoint/2010/main" val="398858041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02957873-FA78-F91E-C38D-F943F0E61677}"/>
              </a:ext>
            </a:extLst>
          </p:cNvPr>
          <p:cNvPicPr>
            <a:picLocks noChangeAspect="1"/>
          </p:cNvPicPr>
          <p:nvPr/>
        </p:nvPicPr>
        <p:blipFill>
          <a:blip r:embed="rId2"/>
          <a:stretch>
            <a:fillRect/>
          </a:stretch>
        </p:blipFill>
        <p:spPr>
          <a:xfrm>
            <a:off x="1357313" y="1285875"/>
            <a:ext cx="6429375" cy="4286250"/>
          </a:xfrm>
          <a:prstGeom prst="rect">
            <a:avLst/>
          </a:prstGeom>
        </p:spPr>
      </p:pic>
    </p:spTree>
    <p:extLst>
      <p:ext uri="{BB962C8B-B14F-4D97-AF65-F5344CB8AC3E}">
        <p14:creationId xmlns:p14="http://schemas.microsoft.com/office/powerpoint/2010/main" val="279581211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A8E66C72-2559-CA8C-258A-0A15B4392E4E}"/>
              </a:ext>
            </a:extLst>
          </p:cNvPr>
          <p:cNvPicPr>
            <a:picLocks noChangeAspect="1"/>
          </p:cNvPicPr>
          <p:nvPr/>
        </p:nvPicPr>
        <p:blipFill>
          <a:blip r:embed="rId2"/>
          <a:stretch>
            <a:fillRect/>
          </a:stretch>
        </p:blipFill>
        <p:spPr>
          <a:xfrm>
            <a:off x="265676" y="1066800"/>
            <a:ext cx="8515658" cy="4778829"/>
          </a:xfrm>
          <a:prstGeom prst="rect">
            <a:avLst/>
          </a:prstGeom>
        </p:spPr>
      </p:pic>
      <p:sp>
        <p:nvSpPr>
          <p:cNvPr id="3" name="テキスト ボックス 2">
            <a:extLst>
              <a:ext uri="{FF2B5EF4-FFF2-40B4-BE49-F238E27FC236}">
                <a16:creationId xmlns:a16="http://schemas.microsoft.com/office/drawing/2014/main" id="{ED600C2A-13A3-6924-8E42-A354993929CC}"/>
              </a:ext>
            </a:extLst>
          </p:cNvPr>
          <p:cNvSpPr txBox="1"/>
          <p:nvPr/>
        </p:nvSpPr>
        <p:spPr>
          <a:xfrm>
            <a:off x="576943" y="424543"/>
            <a:ext cx="4134465" cy="523220"/>
          </a:xfrm>
          <a:prstGeom prst="rect">
            <a:avLst/>
          </a:prstGeom>
          <a:noFill/>
        </p:spPr>
        <p:txBody>
          <a:bodyPr wrap="none" rtlCol="0">
            <a:spAutoFit/>
          </a:bodyPr>
          <a:lstStyle/>
          <a:p>
            <a:r>
              <a:rPr kumimoji="1" lang="ja-JP" altLang="en-US" sz="2800" dirty="0"/>
              <a:t>韓国での最近の落橋事故</a:t>
            </a:r>
          </a:p>
        </p:txBody>
      </p:sp>
    </p:spTree>
    <p:extLst>
      <p:ext uri="{BB962C8B-B14F-4D97-AF65-F5344CB8AC3E}">
        <p14:creationId xmlns:p14="http://schemas.microsoft.com/office/powerpoint/2010/main" val="3066262478"/>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6C1D0CB4-6E22-09FD-2921-037C9FACCA30}"/>
              </a:ext>
            </a:extLst>
          </p:cNvPr>
          <p:cNvPicPr>
            <a:picLocks noChangeAspect="1"/>
          </p:cNvPicPr>
          <p:nvPr/>
        </p:nvPicPr>
        <p:blipFill>
          <a:blip r:embed="rId2"/>
          <a:stretch>
            <a:fillRect/>
          </a:stretch>
        </p:blipFill>
        <p:spPr>
          <a:xfrm>
            <a:off x="695479" y="2229311"/>
            <a:ext cx="4320662" cy="3240497"/>
          </a:xfrm>
          <a:prstGeom prst="rect">
            <a:avLst/>
          </a:prstGeom>
        </p:spPr>
      </p:pic>
      <p:pic>
        <p:nvPicPr>
          <p:cNvPr id="3" name="図 2">
            <a:extLst>
              <a:ext uri="{FF2B5EF4-FFF2-40B4-BE49-F238E27FC236}">
                <a16:creationId xmlns:a16="http://schemas.microsoft.com/office/drawing/2014/main" id="{17AE269B-7445-F966-7531-DC5CFA2F6117}"/>
              </a:ext>
            </a:extLst>
          </p:cNvPr>
          <p:cNvPicPr>
            <a:picLocks noChangeAspect="1"/>
          </p:cNvPicPr>
          <p:nvPr/>
        </p:nvPicPr>
        <p:blipFill>
          <a:blip r:embed="rId3"/>
          <a:stretch>
            <a:fillRect/>
          </a:stretch>
        </p:blipFill>
        <p:spPr>
          <a:xfrm>
            <a:off x="5208485" y="2229311"/>
            <a:ext cx="3571875" cy="3571875"/>
          </a:xfrm>
          <a:prstGeom prst="rect">
            <a:avLst/>
          </a:prstGeom>
        </p:spPr>
      </p:pic>
      <p:sp>
        <p:nvSpPr>
          <p:cNvPr id="5" name="テキスト ボックス 4">
            <a:extLst>
              <a:ext uri="{FF2B5EF4-FFF2-40B4-BE49-F238E27FC236}">
                <a16:creationId xmlns:a16="http://schemas.microsoft.com/office/drawing/2014/main" id="{8142C43F-505C-B61B-55EE-7B30105929E1}"/>
              </a:ext>
            </a:extLst>
          </p:cNvPr>
          <p:cNvSpPr txBox="1"/>
          <p:nvPr/>
        </p:nvSpPr>
        <p:spPr>
          <a:xfrm>
            <a:off x="2286922" y="3290500"/>
            <a:ext cx="4573844" cy="300082"/>
          </a:xfrm>
          <a:prstGeom prst="rect">
            <a:avLst/>
          </a:prstGeom>
          <a:noFill/>
        </p:spPr>
        <p:txBody>
          <a:bodyPr wrap="square">
            <a:spAutoFit/>
          </a:bodyPr>
          <a:lstStyle/>
          <a:p>
            <a:r>
              <a:rPr lang="ja-JP" altLang="en-US" sz="1350" dirty="0">
                <a:solidFill>
                  <a:srgbClr val="242424"/>
                </a:solidFill>
                <a:latin typeface="游ゴシック" panose="020B0400000000000000" pitchFamily="50" charset="-128"/>
                <a:ea typeface="游ゴシック" panose="020B0400000000000000" pitchFamily="50" charset="-128"/>
              </a:rPr>
              <a:t>尼子山トンネルは長さ</a:t>
            </a:r>
            <a:r>
              <a:rPr lang="en-US" altLang="ja-JP" sz="1350" dirty="0">
                <a:solidFill>
                  <a:srgbClr val="242424"/>
                </a:solidFill>
                <a:latin typeface="游ゴシック" panose="020B0400000000000000" pitchFamily="50" charset="-128"/>
                <a:ea typeface="游ゴシック" panose="020B0400000000000000" pitchFamily="50" charset="-128"/>
              </a:rPr>
              <a:t>592m</a:t>
            </a:r>
            <a:endParaRPr lang="ja-JP" altLang="en-US" sz="1350" dirty="0"/>
          </a:p>
        </p:txBody>
      </p:sp>
      <p:sp>
        <p:nvSpPr>
          <p:cNvPr id="7" name="テキスト ボックス 6">
            <a:extLst>
              <a:ext uri="{FF2B5EF4-FFF2-40B4-BE49-F238E27FC236}">
                <a16:creationId xmlns:a16="http://schemas.microsoft.com/office/drawing/2014/main" id="{EB2B0182-8B56-FB85-2024-7DA870F56811}"/>
              </a:ext>
            </a:extLst>
          </p:cNvPr>
          <p:cNvSpPr txBox="1"/>
          <p:nvPr/>
        </p:nvSpPr>
        <p:spPr>
          <a:xfrm>
            <a:off x="2285078" y="1733940"/>
            <a:ext cx="4573844" cy="300082"/>
          </a:xfrm>
          <a:prstGeom prst="rect">
            <a:avLst/>
          </a:prstGeom>
          <a:noFill/>
        </p:spPr>
        <p:txBody>
          <a:bodyPr wrap="square">
            <a:spAutoFit/>
          </a:bodyPr>
          <a:lstStyle/>
          <a:p>
            <a:r>
              <a:rPr lang="ja-JP" altLang="en-US" sz="1350" dirty="0"/>
              <a:t>尼子山トンネル　　長さ</a:t>
            </a:r>
            <a:r>
              <a:rPr lang="en-US" altLang="ja-JP" sz="1350" dirty="0"/>
              <a:t>592m</a:t>
            </a:r>
            <a:endParaRPr lang="ja-JP" altLang="en-US" sz="1350" dirty="0"/>
          </a:p>
        </p:txBody>
      </p:sp>
      <p:sp>
        <p:nvSpPr>
          <p:cNvPr id="11" name="テキスト ボックス 10">
            <a:extLst>
              <a:ext uri="{FF2B5EF4-FFF2-40B4-BE49-F238E27FC236}">
                <a16:creationId xmlns:a16="http://schemas.microsoft.com/office/drawing/2014/main" id="{0BB0E276-5F17-28F1-851A-FC9304FF4566}"/>
              </a:ext>
            </a:extLst>
          </p:cNvPr>
          <p:cNvSpPr txBox="1"/>
          <p:nvPr/>
        </p:nvSpPr>
        <p:spPr>
          <a:xfrm>
            <a:off x="701929" y="1174032"/>
            <a:ext cx="8442071" cy="415498"/>
          </a:xfrm>
          <a:prstGeom prst="rect">
            <a:avLst/>
          </a:prstGeom>
          <a:noFill/>
        </p:spPr>
        <p:txBody>
          <a:bodyPr wrap="square">
            <a:spAutoFit/>
          </a:bodyPr>
          <a:lstStyle/>
          <a:p>
            <a:r>
              <a:rPr lang="ja-JP" altLang="en-US" sz="2100" dirty="0">
                <a:solidFill>
                  <a:srgbClr val="242424"/>
                </a:solidFill>
                <a:latin typeface="游ゴシック" panose="020B0400000000000000" pitchFamily="50" charset="-128"/>
                <a:ea typeface="游ゴシック" panose="020B0400000000000000" pitchFamily="50" charset="-128"/>
              </a:rPr>
              <a:t>山陽自動車道の尼子山トンネル下り線で　火災　</a:t>
            </a:r>
            <a:r>
              <a:rPr lang="en-US" altLang="ja-JP" sz="2100" dirty="0">
                <a:solidFill>
                  <a:srgbClr val="242424"/>
                </a:solidFill>
                <a:latin typeface="游ゴシック" panose="020B0400000000000000" pitchFamily="50" charset="-128"/>
                <a:ea typeface="游ゴシック" panose="020B0400000000000000" pitchFamily="50" charset="-128"/>
              </a:rPr>
              <a:t>2023</a:t>
            </a:r>
            <a:r>
              <a:rPr lang="ja-JP" altLang="en-US" sz="2100" dirty="0">
                <a:solidFill>
                  <a:srgbClr val="242424"/>
                </a:solidFill>
                <a:latin typeface="游ゴシック" panose="020B0400000000000000" pitchFamily="50" charset="-128"/>
                <a:ea typeface="游ゴシック" panose="020B0400000000000000" pitchFamily="50" charset="-128"/>
              </a:rPr>
              <a:t>年</a:t>
            </a:r>
            <a:r>
              <a:rPr lang="en-US" altLang="ja-JP" sz="2100" dirty="0">
                <a:solidFill>
                  <a:srgbClr val="242424"/>
                </a:solidFill>
                <a:latin typeface="游ゴシック" panose="020B0400000000000000" pitchFamily="50" charset="-128"/>
                <a:ea typeface="游ゴシック" panose="020B0400000000000000" pitchFamily="50" charset="-128"/>
              </a:rPr>
              <a:t>9</a:t>
            </a:r>
            <a:r>
              <a:rPr lang="ja-JP" altLang="en-US" sz="2100" dirty="0">
                <a:solidFill>
                  <a:srgbClr val="242424"/>
                </a:solidFill>
                <a:latin typeface="游ゴシック" panose="020B0400000000000000" pitchFamily="50" charset="-128"/>
                <a:ea typeface="游ゴシック" panose="020B0400000000000000" pitchFamily="50" charset="-128"/>
              </a:rPr>
              <a:t>月</a:t>
            </a:r>
            <a:r>
              <a:rPr lang="en-US" altLang="ja-JP" sz="2100" dirty="0">
                <a:solidFill>
                  <a:srgbClr val="242424"/>
                </a:solidFill>
                <a:latin typeface="游ゴシック" panose="020B0400000000000000" pitchFamily="50" charset="-128"/>
                <a:ea typeface="游ゴシック" panose="020B0400000000000000" pitchFamily="50" charset="-128"/>
              </a:rPr>
              <a:t>5</a:t>
            </a:r>
            <a:r>
              <a:rPr lang="ja-JP" altLang="en-US" sz="2100" dirty="0">
                <a:solidFill>
                  <a:srgbClr val="242424"/>
                </a:solidFill>
                <a:latin typeface="游ゴシック" panose="020B0400000000000000" pitchFamily="50" charset="-128"/>
                <a:ea typeface="游ゴシック" panose="020B0400000000000000" pitchFamily="50" charset="-128"/>
              </a:rPr>
              <a:t>日</a:t>
            </a:r>
            <a:endParaRPr lang="ja-JP" altLang="en-US" sz="2100" dirty="0"/>
          </a:p>
        </p:txBody>
      </p:sp>
    </p:spTree>
    <p:extLst>
      <p:ext uri="{BB962C8B-B14F-4D97-AF65-F5344CB8AC3E}">
        <p14:creationId xmlns:p14="http://schemas.microsoft.com/office/powerpoint/2010/main" val="210923702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8F52C404-2E8D-380E-DF94-DE0119DEBD29}"/>
              </a:ext>
            </a:extLst>
          </p:cNvPr>
          <p:cNvPicPr>
            <a:picLocks noChangeAspect="1"/>
          </p:cNvPicPr>
          <p:nvPr/>
        </p:nvPicPr>
        <p:blipFill>
          <a:blip r:embed="rId2"/>
          <a:stretch>
            <a:fillRect/>
          </a:stretch>
        </p:blipFill>
        <p:spPr>
          <a:xfrm>
            <a:off x="1109451" y="1678455"/>
            <a:ext cx="6717377" cy="5038032"/>
          </a:xfrm>
          <a:prstGeom prst="rect">
            <a:avLst/>
          </a:prstGeom>
        </p:spPr>
      </p:pic>
      <p:sp>
        <p:nvSpPr>
          <p:cNvPr id="4" name="テキスト ボックス 3">
            <a:extLst>
              <a:ext uri="{FF2B5EF4-FFF2-40B4-BE49-F238E27FC236}">
                <a16:creationId xmlns:a16="http://schemas.microsoft.com/office/drawing/2014/main" id="{7E5822B6-F874-0AE0-5789-880CE11AC808}"/>
              </a:ext>
            </a:extLst>
          </p:cNvPr>
          <p:cNvSpPr txBox="1"/>
          <p:nvPr/>
        </p:nvSpPr>
        <p:spPr>
          <a:xfrm>
            <a:off x="872832" y="488199"/>
            <a:ext cx="5146265" cy="738664"/>
          </a:xfrm>
          <a:prstGeom prst="rect">
            <a:avLst/>
          </a:prstGeom>
          <a:noFill/>
        </p:spPr>
        <p:txBody>
          <a:bodyPr wrap="square">
            <a:spAutoFit/>
          </a:bodyPr>
          <a:lstStyle/>
          <a:p>
            <a:r>
              <a:rPr lang="ja-JP" altLang="en-US" sz="2100" dirty="0"/>
              <a:t>道路トンネルで覆工コンクリの厚さ不足、</a:t>
            </a:r>
            <a:r>
              <a:rPr lang="en-US" altLang="ja-JP" sz="2100" dirty="0"/>
              <a:t>30cm</a:t>
            </a:r>
            <a:r>
              <a:rPr lang="ja-JP" altLang="en-US" sz="2100" dirty="0"/>
              <a:t>必要なのに</a:t>
            </a:r>
            <a:r>
              <a:rPr lang="en-US" altLang="ja-JP" sz="2100" dirty="0"/>
              <a:t>4cm</a:t>
            </a:r>
            <a:r>
              <a:rPr lang="ja-JP" altLang="en-US" sz="2100" dirty="0"/>
              <a:t>の箇所も</a:t>
            </a:r>
          </a:p>
        </p:txBody>
      </p:sp>
    </p:spTree>
    <p:extLst>
      <p:ext uri="{BB962C8B-B14F-4D97-AF65-F5344CB8AC3E}">
        <p14:creationId xmlns:p14="http://schemas.microsoft.com/office/powerpoint/2010/main" val="174798212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3D2B36B3-D70E-AC0F-6792-EE6AF65ADD57}"/>
              </a:ext>
            </a:extLst>
          </p:cNvPr>
          <p:cNvPicPr>
            <a:picLocks noChangeAspect="1"/>
          </p:cNvPicPr>
          <p:nvPr/>
        </p:nvPicPr>
        <p:blipFill>
          <a:blip r:embed="rId2"/>
          <a:stretch>
            <a:fillRect/>
          </a:stretch>
        </p:blipFill>
        <p:spPr>
          <a:xfrm>
            <a:off x="285750" y="2142088"/>
            <a:ext cx="8572500" cy="3193256"/>
          </a:xfrm>
          <a:prstGeom prst="rect">
            <a:avLst/>
          </a:prstGeom>
        </p:spPr>
      </p:pic>
      <p:sp>
        <p:nvSpPr>
          <p:cNvPr id="3" name="テキスト ボックス 2">
            <a:extLst>
              <a:ext uri="{FF2B5EF4-FFF2-40B4-BE49-F238E27FC236}">
                <a16:creationId xmlns:a16="http://schemas.microsoft.com/office/drawing/2014/main" id="{5588D465-5486-17C0-EB05-ACCB468EC278}"/>
              </a:ext>
            </a:extLst>
          </p:cNvPr>
          <p:cNvSpPr txBox="1"/>
          <p:nvPr/>
        </p:nvSpPr>
        <p:spPr>
          <a:xfrm>
            <a:off x="566057" y="914400"/>
            <a:ext cx="2262158" cy="369332"/>
          </a:xfrm>
          <a:prstGeom prst="rect">
            <a:avLst/>
          </a:prstGeom>
          <a:noFill/>
        </p:spPr>
        <p:txBody>
          <a:bodyPr wrap="none" rtlCol="0">
            <a:spAutoFit/>
          </a:bodyPr>
          <a:lstStyle/>
          <a:p>
            <a:r>
              <a:rPr kumimoji="1" lang="ja-JP" altLang="en-US" dirty="0"/>
              <a:t>施工ミス？手抜き？</a:t>
            </a:r>
          </a:p>
        </p:txBody>
      </p:sp>
    </p:spTree>
    <p:extLst>
      <p:ext uri="{BB962C8B-B14F-4D97-AF65-F5344CB8AC3E}">
        <p14:creationId xmlns:p14="http://schemas.microsoft.com/office/powerpoint/2010/main" val="302933979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F9E0FF89-1F37-4CC0-5D50-217DBE17A470}"/>
              </a:ext>
            </a:extLst>
          </p:cNvPr>
          <p:cNvPicPr>
            <a:picLocks noChangeAspect="1"/>
          </p:cNvPicPr>
          <p:nvPr/>
        </p:nvPicPr>
        <p:blipFill>
          <a:blip r:embed="rId2"/>
          <a:stretch>
            <a:fillRect/>
          </a:stretch>
        </p:blipFill>
        <p:spPr>
          <a:xfrm>
            <a:off x="914400" y="933450"/>
            <a:ext cx="7315200" cy="4991100"/>
          </a:xfrm>
          <a:prstGeom prst="rect">
            <a:avLst/>
          </a:prstGeom>
        </p:spPr>
      </p:pic>
      <p:sp>
        <p:nvSpPr>
          <p:cNvPr id="3" name="テキスト ボックス 2">
            <a:extLst>
              <a:ext uri="{FF2B5EF4-FFF2-40B4-BE49-F238E27FC236}">
                <a16:creationId xmlns:a16="http://schemas.microsoft.com/office/drawing/2014/main" id="{621D1D9B-2156-913E-3022-F0E31332B2FF}"/>
              </a:ext>
            </a:extLst>
          </p:cNvPr>
          <p:cNvSpPr txBox="1"/>
          <p:nvPr/>
        </p:nvSpPr>
        <p:spPr>
          <a:xfrm>
            <a:off x="805543" y="402771"/>
            <a:ext cx="3467616" cy="584775"/>
          </a:xfrm>
          <a:prstGeom prst="rect">
            <a:avLst/>
          </a:prstGeom>
          <a:noFill/>
        </p:spPr>
        <p:txBody>
          <a:bodyPr wrap="none" rtlCol="0">
            <a:spAutoFit/>
          </a:bodyPr>
          <a:lstStyle/>
          <a:p>
            <a:r>
              <a:rPr kumimoji="1" lang="ja-JP" altLang="en-US" sz="3200" dirty="0"/>
              <a:t>八潮市の事故現場</a:t>
            </a:r>
          </a:p>
        </p:txBody>
      </p:sp>
    </p:spTree>
    <p:extLst>
      <p:ext uri="{BB962C8B-B14F-4D97-AF65-F5344CB8AC3E}">
        <p14:creationId xmlns:p14="http://schemas.microsoft.com/office/powerpoint/2010/main" val="223895679"/>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a:extLst>
              <a:ext uri="{FF2B5EF4-FFF2-40B4-BE49-F238E27FC236}">
                <a16:creationId xmlns:a16="http://schemas.microsoft.com/office/drawing/2014/main" id="{AE4B5968-BC62-BD4A-B8B6-943246BF7A30}"/>
              </a:ext>
            </a:extLst>
          </p:cNvPr>
          <p:cNvGraphicFramePr>
            <a:graphicFrameLocks noGrp="1"/>
          </p:cNvGraphicFramePr>
          <p:nvPr>
            <p:extLst>
              <p:ext uri="{D42A27DB-BD31-4B8C-83A1-F6EECF244321}">
                <p14:modId xmlns:p14="http://schemas.microsoft.com/office/powerpoint/2010/main" val="3733317517"/>
              </p:ext>
            </p:extLst>
          </p:nvPr>
        </p:nvGraphicFramePr>
        <p:xfrm>
          <a:off x="892629" y="1045030"/>
          <a:ext cx="7903028" cy="5702278"/>
        </p:xfrm>
        <a:graphic>
          <a:graphicData uri="http://schemas.openxmlformats.org/drawingml/2006/table">
            <a:tbl>
              <a:tblPr/>
              <a:tblGrid>
                <a:gridCol w="416785">
                  <a:extLst>
                    <a:ext uri="{9D8B030D-6E8A-4147-A177-3AD203B41FA5}">
                      <a16:colId xmlns:a16="http://schemas.microsoft.com/office/drawing/2014/main" val="773555823"/>
                    </a:ext>
                  </a:extLst>
                </a:gridCol>
                <a:gridCol w="1869733">
                  <a:extLst>
                    <a:ext uri="{9D8B030D-6E8A-4147-A177-3AD203B41FA5}">
                      <a16:colId xmlns:a16="http://schemas.microsoft.com/office/drawing/2014/main" val="3856848564"/>
                    </a:ext>
                  </a:extLst>
                </a:gridCol>
                <a:gridCol w="5616510">
                  <a:extLst>
                    <a:ext uri="{9D8B030D-6E8A-4147-A177-3AD203B41FA5}">
                      <a16:colId xmlns:a16="http://schemas.microsoft.com/office/drawing/2014/main" val="1422788157"/>
                    </a:ext>
                  </a:extLst>
                </a:gridCol>
              </a:tblGrid>
              <a:tr h="338110">
                <a:tc>
                  <a:txBody>
                    <a:bodyPr/>
                    <a:lstStyle/>
                    <a:p>
                      <a:pPr algn="l" fontAlgn="t"/>
                      <a:r>
                        <a:rPr lang="ja-JP" altLang="en-US" sz="1500" b="1" dirty="0">
                          <a:effectLst/>
                        </a:rPr>
                        <a:t> </a:t>
                      </a:r>
                    </a:p>
                  </a:txBody>
                  <a:tcPr marL="44102" marR="44102" marT="22051" marB="22051">
                    <a:lnL w="12700" cap="flat" cmpd="sng" algn="ctr">
                      <a:solidFill>
                        <a:srgbClr val="C04E65"/>
                      </a:solidFill>
                      <a:prstDash val="solid"/>
                      <a:round/>
                      <a:headEnd type="none" w="med" len="med"/>
                      <a:tailEnd type="none" w="med" len="med"/>
                    </a:lnL>
                    <a:lnR w="12700" cap="flat" cmpd="sng" algn="ctr">
                      <a:solidFill>
                        <a:srgbClr val="204F65"/>
                      </a:solidFill>
                      <a:prstDash val="solid"/>
                      <a:round/>
                      <a:headEnd type="none" w="med" len="med"/>
                      <a:tailEnd type="none" w="med" len="med"/>
                    </a:lnR>
                    <a:lnT w="12700" cap="flat" cmpd="sng" algn="ctr">
                      <a:solidFill>
                        <a:srgbClr val="C04E65"/>
                      </a:solidFill>
                      <a:prstDash val="solid"/>
                      <a:round/>
                      <a:headEnd type="none" w="med" len="med"/>
                      <a:tailEnd type="none" w="med" len="med"/>
                    </a:lnT>
                    <a:lnB w="12700" cap="flat" cmpd="sng" algn="ctr">
                      <a:solidFill>
                        <a:srgbClr val="F04B65"/>
                      </a:solidFill>
                      <a:prstDash val="solid"/>
                      <a:round/>
                      <a:headEnd type="none" w="med" len="med"/>
                      <a:tailEnd type="none" w="med" len="med"/>
                    </a:lnB>
                  </a:tcPr>
                </a:tc>
                <a:tc>
                  <a:txBody>
                    <a:bodyPr/>
                    <a:lstStyle/>
                    <a:p>
                      <a:pPr algn="l" fontAlgn="t"/>
                      <a:r>
                        <a:rPr lang="ja-JP" altLang="en-US" sz="1500" b="1" dirty="0">
                          <a:effectLst/>
                        </a:rPr>
                        <a:t>要因</a:t>
                      </a:r>
                    </a:p>
                  </a:txBody>
                  <a:tcPr marL="44102" marR="44102" marT="22051" marB="22051">
                    <a:lnL w="12700" cap="flat" cmpd="sng" algn="ctr">
                      <a:solidFill>
                        <a:srgbClr val="204F65"/>
                      </a:solidFill>
                      <a:prstDash val="solid"/>
                      <a:round/>
                      <a:headEnd type="none" w="med" len="med"/>
                      <a:tailEnd type="none" w="med" len="med"/>
                    </a:lnL>
                    <a:lnR w="12700" cap="flat" cmpd="sng" algn="ctr">
                      <a:solidFill>
                        <a:srgbClr val="704D65"/>
                      </a:solidFill>
                      <a:prstDash val="solid"/>
                      <a:round/>
                      <a:headEnd type="none" w="med" len="med"/>
                      <a:tailEnd type="none" w="med" len="med"/>
                    </a:lnR>
                    <a:lnT w="12700" cap="flat" cmpd="sng" algn="ctr">
                      <a:solidFill>
                        <a:srgbClr val="204F65"/>
                      </a:solidFill>
                      <a:prstDash val="solid"/>
                      <a:round/>
                      <a:headEnd type="none" w="med" len="med"/>
                      <a:tailEnd type="none" w="med" len="med"/>
                    </a:lnT>
                    <a:lnB w="12700" cap="flat" cmpd="sng" algn="ctr">
                      <a:solidFill>
                        <a:srgbClr val="E04965"/>
                      </a:solidFill>
                      <a:prstDash val="solid"/>
                      <a:round/>
                      <a:headEnd type="none" w="med" len="med"/>
                      <a:tailEnd type="none" w="med" len="med"/>
                    </a:lnB>
                  </a:tcPr>
                </a:tc>
                <a:tc>
                  <a:txBody>
                    <a:bodyPr/>
                    <a:lstStyle/>
                    <a:p>
                      <a:pPr algn="l" fontAlgn="t"/>
                      <a:r>
                        <a:rPr lang="ja-JP" altLang="en-US" sz="1500" b="1">
                          <a:effectLst/>
                        </a:rPr>
                        <a:t>概要</a:t>
                      </a:r>
                    </a:p>
                  </a:txBody>
                  <a:tcPr marL="44102" marR="44102" marT="22051" marB="22051">
                    <a:lnL w="12700" cap="flat" cmpd="sng" algn="ctr">
                      <a:solidFill>
                        <a:srgbClr val="704D65"/>
                      </a:solidFill>
                      <a:prstDash val="solid"/>
                      <a:round/>
                      <a:headEnd type="none" w="med" len="med"/>
                      <a:tailEnd type="none" w="med" len="med"/>
                    </a:lnL>
                    <a:lnR w="12700" cap="flat" cmpd="sng" algn="ctr">
                      <a:solidFill>
                        <a:srgbClr val="704D65"/>
                      </a:solidFill>
                      <a:prstDash val="solid"/>
                      <a:round/>
                      <a:headEnd type="none" w="med" len="med"/>
                      <a:tailEnd type="none" w="med" len="med"/>
                    </a:lnR>
                    <a:lnT w="12700" cap="flat" cmpd="sng" algn="ctr">
                      <a:solidFill>
                        <a:srgbClr val="704D65"/>
                      </a:solidFill>
                      <a:prstDash val="solid"/>
                      <a:round/>
                      <a:headEnd type="none" w="med" len="med"/>
                      <a:tailEnd type="none" w="med" len="med"/>
                    </a:lnT>
                    <a:lnB w="12700" cap="flat" cmpd="sng" algn="ctr">
                      <a:solidFill>
                        <a:srgbClr val="E04965"/>
                      </a:solidFill>
                      <a:prstDash val="solid"/>
                      <a:round/>
                      <a:headEnd type="none" w="med" len="med"/>
                      <a:tailEnd type="none" w="med" len="med"/>
                    </a:lnB>
                  </a:tcPr>
                </a:tc>
                <a:extLst>
                  <a:ext uri="{0D108BD9-81ED-4DB2-BD59-A6C34878D82A}">
                    <a16:rowId xmlns:a16="http://schemas.microsoft.com/office/drawing/2014/main" val="1001331148"/>
                  </a:ext>
                </a:extLst>
              </a:tr>
              <a:tr h="505047">
                <a:tc>
                  <a:txBody>
                    <a:bodyPr/>
                    <a:lstStyle/>
                    <a:p>
                      <a:pPr algn="l" fontAlgn="t"/>
                      <a:r>
                        <a:rPr lang="en-US" altLang="ja-JP" sz="1500" b="1">
                          <a:effectLst/>
                        </a:rPr>
                        <a:t>1</a:t>
                      </a:r>
                    </a:p>
                  </a:txBody>
                  <a:tcPr marL="44102" marR="44102" marT="22051" marB="22051">
                    <a:lnL w="12700" cap="flat" cmpd="sng" algn="ctr">
                      <a:solidFill>
                        <a:srgbClr val="F04B65"/>
                      </a:solidFill>
                      <a:prstDash val="solid"/>
                      <a:round/>
                      <a:headEnd type="none" w="med" len="med"/>
                      <a:tailEnd type="none" w="med" len="med"/>
                    </a:lnL>
                    <a:lnR w="12700" cap="flat" cmpd="sng" algn="ctr">
                      <a:solidFill>
                        <a:srgbClr val="E04965"/>
                      </a:solidFill>
                      <a:prstDash val="solid"/>
                      <a:round/>
                      <a:headEnd type="none" w="med" len="med"/>
                      <a:tailEnd type="none" w="med" len="med"/>
                    </a:lnR>
                    <a:lnT w="12700" cap="flat" cmpd="sng" algn="ctr">
                      <a:solidFill>
                        <a:srgbClr val="F04B65"/>
                      </a:solidFill>
                      <a:prstDash val="solid"/>
                      <a:round/>
                      <a:headEnd type="none" w="med" len="med"/>
                      <a:tailEnd type="none" w="med" len="med"/>
                    </a:lnT>
                    <a:lnB w="12700" cap="flat" cmpd="sng" algn="ctr">
                      <a:solidFill>
                        <a:srgbClr val="904B65"/>
                      </a:solidFill>
                      <a:prstDash val="solid"/>
                      <a:round/>
                      <a:headEnd type="none" w="med" len="med"/>
                      <a:tailEnd type="none" w="med" len="med"/>
                    </a:lnB>
                  </a:tcPr>
                </a:tc>
                <a:tc>
                  <a:txBody>
                    <a:bodyPr/>
                    <a:lstStyle/>
                    <a:p>
                      <a:pPr fontAlgn="t"/>
                      <a:r>
                        <a:rPr lang="ja-JP" altLang="en-US" sz="1800" b="1" dirty="0">
                          <a:effectLst/>
                        </a:rPr>
                        <a:t>未知</a:t>
                      </a:r>
                    </a:p>
                  </a:txBody>
                  <a:tcPr marL="44102" marR="44102" marT="22051" marB="22051">
                    <a:lnL w="12700" cap="flat" cmpd="sng" algn="ctr">
                      <a:solidFill>
                        <a:srgbClr val="E04965"/>
                      </a:solidFill>
                      <a:prstDash val="solid"/>
                      <a:round/>
                      <a:headEnd type="none" w="med" len="med"/>
                      <a:tailEnd type="none" w="med" len="med"/>
                    </a:lnL>
                    <a:lnR w="12700" cap="flat" cmpd="sng" algn="ctr">
                      <a:solidFill>
                        <a:srgbClr val="E04965"/>
                      </a:solidFill>
                      <a:prstDash val="solid"/>
                      <a:round/>
                      <a:headEnd type="none" w="med" len="med"/>
                      <a:tailEnd type="none" w="med" len="med"/>
                    </a:lnR>
                    <a:lnT w="12700" cap="flat" cmpd="sng" algn="ctr">
                      <a:solidFill>
                        <a:srgbClr val="E04965"/>
                      </a:solidFill>
                      <a:prstDash val="solid"/>
                      <a:round/>
                      <a:headEnd type="none" w="med" len="med"/>
                      <a:tailEnd type="none" w="med" len="med"/>
                    </a:lnT>
                    <a:lnB w="12700" cap="flat" cmpd="sng" algn="ctr">
                      <a:solidFill>
                        <a:srgbClr val="804C65"/>
                      </a:solidFill>
                      <a:prstDash val="solid"/>
                      <a:round/>
                      <a:headEnd type="none" w="med" len="med"/>
                      <a:tailEnd type="none" w="med" len="med"/>
                    </a:lnB>
                  </a:tcPr>
                </a:tc>
                <a:tc>
                  <a:txBody>
                    <a:bodyPr/>
                    <a:lstStyle/>
                    <a:p>
                      <a:pPr fontAlgn="t"/>
                      <a:r>
                        <a:rPr lang="ja-JP" altLang="en-US" sz="1800" b="1" dirty="0">
                          <a:effectLst/>
                        </a:rPr>
                        <a:t>既知の対策が通用しない未知の領域に由来すること</a:t>
                      </a:r>
                    </a:p>
                  </a:txBody>
                  <a:tcPr marL="44102" marR="44102" marT="22051" marB="22051">
                    <a:lnL w="12700" cap="flat" cmpd="sng" algn="ctr">
                      <a:solidFill>
                        <a:srgbClr val="E04965"/>
                      </a:solidFill>
                      <a:prstDash val="solid"/>
                      <a:round/>
                      <a:headEnd type="none" w="med" len="med"/>
                      <a:tailEnd type="none" w="med" len="med"/>
                    </a:lnL>
                    <a:lnR w="12700" cap="flat" cmpd="sng" algn="ctr">
                      <a:solidFill>
                        <a:srgbClr val="E04965"/>
                      </a:solidFill>
                      <a:prstDash val="solid"/>
                      <a:round/>
                      <a:headEnd type="none" w="med" len="med"/>
                      <a:tailEnd type="none" w="med" len="med"/>
                    </a:lnR>
                    <a:lnT w="12700" cap="flat" cmpd="sng" algn="ctr">
                      <a:solidFill>
                        <a:srgbClr val="E04965"/>
                      </a:solidFill>
                      <a:prstDash val="solid"/>
                      <a:round/>
                      <a:headEnd type="none" w="med" len="med"/>
                      <a:tailEnd type="none" w="med" len="med"/>
                    </a:lnT>
                    <a:lnB w="12700" cap="flat" cmpd="sng" algn="ctr">
                      <a:solidFill>
                        <a:srgbClr val="804C65"/>
                      </a:solidFill>
                      <a:prstDash val="solid"/>
                      <a:round/>
                      <a:headEnd type="none" w="med" len="med"/>
                      <a:tailEnd type="none" w="med" len="med"/>
                    </a:lnB>
                  </a:tcPr>
                </a:tc>
                <a:extLst>
                  <a:ext uri="{0D108BD9-81ED-4DB2-BD59-A6C34878D82A}">
                    <a16:rowId xmlns:a16="http://schemas.microsoft.com/office/drawing/2014/main" val="89822333"/>
                  </a:ext>
                </a:extLst>
              </a:tr>
              <a:tr h="505047">
                <a:tc>
                  <a:txBody>
                    <a:bodyPr/>
                    <a:lstStyle/>
                    <a:p>
                      <a:pPr algn="l" fontAlgn="t"/>
                      <a:r>
                        <a:rPr lang="en-US" altLang="ja-JP" sz="1500" b="1">
                          <a:effectLst/>
                        </a:rPr>
                        <a:t>2</a:t>
                      </a:r>
                    </a:p>
                  </a:txBody>
                  <a:tcPr marL="44102" marR="44102" marT="22051" marB="22051">
                    <a:lnL w="12700" cap="flat" cmpd="sng" algn="ctr">
                      <a:solidFill>
                        <a:srgbClr val="904B65"/>
                      </a:solidFill>
                      <a:prstDash val="solid"/>
                      <a:round/>
                      <a:headEnd type="none" w="med" len="med"/>
                      <a:tailEnd type="none" w="med" len="med"/>
                    </a:lnL>
                    <a:lnR w="12700" cap="flat" cmpd="sng" algn="ctr">
                      <a:solidFill>
                        <a:srgbClr val="804C65"/>
                      </a:solidFill>
                      <a:prstDash val="solid"/>
                      <a:round/>
                      <a:headEnd type="none" w="med" len="med"/>
                      <a:tailEnd type="none" w="med" len="med"/>
                    </a:lnR>
                    <a:lnT w="12700" cap="flat" cmpd="sng" algn="ctr">
                      <a:solidFill>
                        <a:srgbClr val="904B65"/>
                      </a:solidFill>
                      <a:prstDash val="solid"/>
                      <a:round/>
                      <a:headEnd type="none" w="med" len="med"/>
                      <a:tailEnd type="none" w="med" len="med"/>
                    </a:lnT>
                    <a:lnB w="12700" cap="flat" cmpd="sng" algn="ctr">
                      <a:solidFill>
                        <a:srgbClr val="304B65"/>
                      </a:solidFill>
                      <a:prstDash val="solid"/>
                      <a:round/>
                      <a:headEnd type="none" w="med" len="med"/>
                      <a:tailEnd type="none" w="med" len="med"/>
                    </a:lnB>
                  </a:tcPr>
                </a:tc>
                <a:tc>
                  <a:txBody>
                    <a:bodyPr/>
                    <a:lstStyle/>
                    <a:p>
                      <a:pPr fontAlgn="t"/>
                      <a:r>
                        <a:rPr lang="ja-JP" altLang="en-US" sz="1800" b="1">
                          <a:effectLst/>
                        </a:rPr>
                        <a:t>無知</a:t>
                      </a:r>
                    </a:p>
                  </a:txBody>
                  <a:tcPr marL="44102" marR="44102" marT="22051" marB="22051">
                    <a:lnL w="12700" cap="flat" cmpd="sng" algn="ctr">
                      <a:solidFill>
                        <a:srgbClr val="804C65"/>
                      </a:solidFill>
                      <a:prstDash val="solid"/>
                      <a:round/>
                      <a:headEnd type="none" w="med" len="med"/>
                      <a:tailEnd type="none" w="med" len="med"/>
                    </a:lnL>
                    <a:lnR w="12700" cap="flat" cmpd="sng" algn="ctr">
                      <a:solidFill>
                        <a:srgbClr val="804C65"/>
                      </a:solidFill>
                      <a:prstDash val="solid"/>
                      <a:round/>
                      <a:headEnd type="none" w="med" len="med"/>
                      <a:tailEnd type="none" w="med" len="med"/>
                    </a:lnR>
                    <a:lnT w="12700" cap="flat" cmpd="sng" algn="ctr">
                      <a:solidFill>
                        <a:srgbClr val="804C65"/>
                      </a:solidFill>
                      <a:prstDash val="solid"/>
                      <a:round/>
                      <a:headEnd type="none" w="med" len="med"/>
                      <a:tailEnd type="none" w="med" len="med"/>
                    </a:lnT>
                    <a:lnB w="12700" cap="flat" cmpd="sng" algn="ctr">
                      <a:solidFill>
                        <a:srgbClr val="D04D65"/>
                      </a:solidFill>
                      <a:prstDash val="solid"/>
                      <a:round/>
                      <a:headEnd type="none" w="med" len="med"/>
                      <a:tailEnd type="none" w="med" len="med"/>
                    </a:lnB>
                  </a:tcPr>
                </a:tc>
                <a:tc>
                  <a:txBody>
                    <a:bodyPr/>
                    <a:lstStyle/>
                    <a:p>
                      <a:pPr fontAlgn="t"/>
                      <a:r>
                        <a:rPr lang="ja-JP" altLang="en-US" sz="1800" b="1" dirty="0">
                          <a:effectLst/>
                        </a:rPr>
                        <a:t>知識の欠落により既知の対策を実施できないこと</a:t>
                      </a:r>
                    </a:p>
                  </a:txBody>
                  <a:tcPr marL="44102" marR="44102" marT="22051" marB="22051">
                    <a:lnL w="12700" cap="flat" cmpd="sng" algn="ctr">
                      <a:solidFill>
                        <a:srgbClr val="804C65"/>
                      </a:solidFill>
                      <a:prstDash val="solid"/>
                      <a:round/>
                      <a:headEnd type="none" w="med" len="med"/>
                      <a:tailEnd type="none" w="med" len="med"/>
                    </a:lnL>
                    <a:lnR w="12700" cap="flat" cmpd="sng" algn="ctr">
                      <a:solidFill>
                        <a:srgbClr val="804C65"/>
                      </a:solidFill>
                      <a:prstDash val="solid"/>
                      <a:round/>
                      <a:headEnd type="none" w="med" len="med"/>
                      <a:tailEnd type="none" w="med" len="med"/>
                    </a:lnR>
                    <a:lnT w="12700" cap="flat" cmpd="sng" algn="ctr">
                      <a:solidFill>
                        <a:srgbClr val="804C65"/>
                      </a:solidFill>
                      <a:prstDash val="solid"/>
                      <a:round/>
                      <a:headEnd type="none" w="med" len="med"/>
                      <a:tailEnd type="none" w="med" len="med"/>
                    </a:lnT>
                    <a:lnB w="12700" cap="flat" cmpd="sng" algn="ctr">
                      <a:solidFill>
                        <a:srgbClr val="D04D65"/>
                      </a:solidFill>
                      <a:prstDash val="solid"/>
                      <a:round/>
                      <a:headEnd type="none" w="med" len="med"/>
                      <a:tailEnd type="none" w="med" len="med"/>
                    </a:lnB>
                  </a:tcPr>
                </a:tc>
                <a:extLst>
                  <a:ext uri="{0D108BD9-81ED-4DB2-BD59-A6C34878D82A}">
                    <a16:rowId xmlns:a16="http://schemas.microsoft.com/office/drawing/2014/main" val="4081262315"/>
                  </a:ext>
                </a:extLst>
              </a:tr>
              <a:tr h="505047">
                <a:tc>
                  <a:txBody>
                    <a:bodyPr/>
                    <a:lstStyle/>
                    <a:p>
                      <a:pPr algn="l" fontAlgn="t"/>
                      <a:r>
                        <a:rPr lang="en-US" altLang="ja-JP" sz="1500" b="1">
                          <a:effectLst/>
                        </a:rPr>
                        <a:t>3</a:t>
                      </a:r>
                    </a:p>
                  </a:txBody>
                  <a:tcPr marL="44102" marR="44102" marT="22051" marB="22051">
                    <a:lnL w="12700" cap="flat" cmpd="sng" algn="ctr">
                      <a:solidFill>
                        <a:srgbClr val="304B65"/>
                      </a:solidFill>
                      <a:prstDash val="solid"/>
                      <a:round/>
                      <a:headEnd type="none" w="med" len="med"/>
                      <a:tailEnd type="none" w="med" len="med"/>
                    </a:lnL>
                    <a:lnR w="12700" cap="flat" cmpd="sng" algn="ctr">
                      <a:solidFill>
                        <a:srgbClr val="D04D65"/>
                      </a:solidFill>
                      <a:prstDash val="solid"/>
                      <a:round/>
                      <a:headEnd type="none" w="med" len="med"/>
                      <a:tailEnd type="none" w="med" len="med"/>
                    </a:lnR>
                    <a:lnT w="12700" cap="flat" cmpd="sng" algn="ctr">
                      <a:solidFill>
                        <a:srgbClr val="304B65"/>
                      </a:solidFill>
                      <a:prstDash val="solid"/>
                      <a:round/>
                      <a:headEnd type="none" w="med" len="med"/>
                      <a:tailEnd type="none" w="med" len="med"/>
                    </a:lnT>
                    <a:lnB w="12700" cap="flat" cmpd="sng" algn="ctr">
                      <a:solidFill>
                        <a:srgbClr val="D04D65"/>
                      </a:solidFill>
                      <a:prstDash val="solid"/>
                      <a:round/>
                      <a:headEnd type="none" w="med" len="med"/>
                      <a:tailEnd type="none" w="med" len="med"/>
                    </a:lnB>
                  </a:tcPr>
                </a:tc>
                <a:tc>
                  <a:txBody>
                    <a:bodyPr/>
                    <a:lstStyle/>
                    <a:p>
                      <a:pPr fontAlgn="t"/>
                      <a:r>
                        <a:rPr lang="ja-JP" altLang="en-US" sz="1800" b="1">
                          <a:effectLst/>
                        </a:rPr>
                        <a:t>不注意</a:t>
                      </a:r>
                    </a:p>
                  </a:txBody>
                  <a:tcPr marL="44102" marR="44102" marT="22051" marB="22051">
                    <a:lnL w="12700" cap="flat" cmpd="sng" algn="ctr">
                      <a:solidFill>
                        <a:srgbClr val="D04D65"/>
                      </a:solidFill>
                      <a:prstDash val="solid"/>
                      <a:round/>
                      <a:headEnd type="none" w="med" len="med"/>
                      <a:tailEnd type="none" w="med" len="med"/>
                    </a:lnL>
                    <a:lnR w="12700" cap="flat" cmpd="sng" algn="ctr">
                      <a:solidFill>
                        <a:srgbClr val="D04D65"/>
                      </a:solidFill>
                      <a:prstDash val="solid"/>
                      <a:round/>
                      <a:headEnd type="none" w="med" len="med"/>
                      <a:tailEnd type="none" w="med" len="med"/>
                    </a:lnR>
                    <a:lnT w="12700" cap="flat" cmpd="sng" algn="ctr">
                      <a:solidFill>
                        <a:srgbClr val="D04D65"/>
                      </a:solidFill>
                      <a:prstDash val="solid"/>
                      <a:round/>
                      <a:headEnd type="none" w="med" len="med"/>
                      <a:tailEnd type="none" w="med" len="med"/>
                    </a:lnT>
                    <a:lnB w="12700" cap="flat" cmpd="sng" algn="ctr">
                      <a:solidFill>
                        <a:srgbClr val="904B65"/>
                      </a:solidFill>
                      <a:prstDash val="solid"/>
                      <a:round/>
                      <a:headEnd type="none" w="med" len="med"/>
                      <a:tailEnd type="none" w="med" len="med"/>
                    </a:lnB>
                  </a:tcPr>
                </a:tc>
                <a:tc>
                  <a:txBody>
                    <a:bodyPr/>
                    <a:lstStyle/>
                    <a:p>
                      <a:pPr fontAlgn="t"/>
                      <a:r>
                        <a:rPr lang="ja-JP" altLang="en-US" sz="1800" b="1" dirty="0">
                          <a:effectLst/>
                        </a:rPr>
                        <a:t>本来防げていたものが注意力の低下により防げないこと</a:t>
                      </a:r>
                    </a:p>
                  </a:txBody>
                  <a:tcPr marL="44102" marR="44102" marT="22051" marB="22051">
                    <a:lnL w="12700" cap="flat" cmpd="sng" algn="ctr">
                      <a:solidFill>
                        <a:srgbClr val="D04D65"/>
                      </a:solidFill>
                      <a:prstDash val="solid"/>
                      <a:round/>
                      <a:headEnd type="none" w="med" len="med"/>
                      <a:tailEnd type="none" w="med" len="med"/>
                    </a:lnL>
                    <a:lnR w="12700" cap="flat" cmpd="sng" algn="ctr">
                      <a:solidFill>
                        <a:srgbClr val="D04D65"/>
                      </a:solidFill>
                      <a:prstDash val="solid"/>
                      <a:round/>
                      <a:headEnd type="none" w="med" len="med"/>
                      <a:tailEnd type="none" w="med" len="med"/>
                    </a:lnR>
                    <a:lnT w="12700" cap="flat" cmpd="sng" algn="ctr">
                      <a:solidFill>
                        <a:srgbClr val="D04D65"/>
                      </a:solidFill>
                      <a:prstDash val="solid"/>
                      <a:round/>
                      <a:headEnd type="none" w="med" len="med"/>
                      <a:tailEnd type="none" w="med" len="med"/>
                    </a:lnT>
                    <a:lnB w="12700" cap="flat" cmpd="sng" algn="ctr">
                      <a:solidFill>
                        <a:srgbClr val="904B65"/>
                      </a:solidFill>
                      <a:prstDash val="solid"/>
                      <a:round/>
                      <a:headEnd type="none" w="med" len="med"/>
                      <a:tailEnd type="none" w="med" len="med"/>
                    </a:lnB>
                  </a:tcPr>
                </a:tc>
                <a:extLst>
                  <a:ext uri="{0D108BD9-81ED-4DB2-BD59-A6C34878D82A}">
                    <a16:rowId xmlns:a16="http://schemas.microsoft.com/office/drawing/2014/main" val="464643926"/>
                  </a:ext>
                </a:extLst>
              </a:tr>
              <a:tr h="505047">
                <a:tc>
                  <a:txBody>
                    <a:bodyPr/>
                    <a:lstStyle/>
                    <a:p>
                      <a:pPr algn="l" fontAlgn="t"/>
                      <a:r>
                        <a:rPr lang="en-US" altLang="ja-JP" sz="1500" b="1">
                          <a:effectLst/>
                        </a:rPr>
                        <a:t>4</a:t>
                      </a:r>
                    </a:p>
                  </a:txBody>
                  <a:tcPr marL="44102" marR="44102" marT="22051" marB="22051">
                    <a:lnL w="12700" cap="flat" cmpd="sng" algn="ctr">
                      <a:solidFill>
                        <a:srgbClr val="D04D65"/>
                      </a:solidFill>
                      <a:prstDash val="solid"/>
                      <a:round/>
                      <a:headEnd type="none" w="med" len="med"/>
                      <a:tailEnd type="none" w="med" len="med"/>
                    </a:lnL>
                    <a:lnR w="12700" cap="flat" cmpd="sng" algn="ctr">
                      <a:solidFill>
                        <a:srgbClr val="904B65"/>
                      </a:solidFill>
                      <a:prstDash val="solid"/>
                      <a:round/>
                      <a:headEnd type="none" w="med" len="med"/>
                      <a:tailEnd type="none" w="med" len="med"/>
                    </a:lnR>
                    <a:lnT w="12700" cap="flat" cmpd="sng" algn="ctr">
                      <a:solidFill>
                        <a:srgbClr val="D04D65"/>
                      </a:solidFill>
                      <a:prstDash val="solid"/>
                      <a:round/>
                      <a:headEnd type="none" w="med" len="med"/>
                      <a:tailEnd type="none" w="med" len="med"/>
                    </a:lnT>
                    <a:lnB w="12700" cap="flat" cmpd="sng" algn="ctr">
                      <a:solidFill>
                        <a:srgbClr val="104D65"/>
                      </a:solidFill>
                      <a:prstDash val="solid"/>
                      <a:round/>
                      <a:headEnd type="none" w="med" len="med"/>
                      <a:tailEnd type="none" w="med" len="med"/>
                    </a:lnB>
                  </a:tcPr>
                </a:tc>
                <a:tc>
                  <a:txBody>
                    <a:bodyPr/>
                    <a:lstStyle/>
                    <a:p>
                      <a:pPr fontAlgn="t"/>
                      <a:r>
                        <a:rPr lang="ja-JP" altLang="en-US" sz="1800" b="1">
                          <a:effectLst/>
                        </a:rPr>
                        <a:t>不遵守</a:t>
                      </a:r>
                    </a:p>
                  </a:txBody>
                  <a:tcPr marL="44102" marR="44102" marT="22051" marB="22051">
                    <a:lnL w="12700" cap="flat" cmpd="sng" algn="ctr">
                      <a:solidFill>
                        <a:srgbClr val="904B65"/>
                      </a:solidFill>
                      <a:prstDash val="solid"/>
                      <a:round/>
                      <a:headEnd type="none" w="med" len="med"/>
                      <a:tailEnd type="none" w="med" len="med"/>
                    </a:lnL>
                    <a:lnR w="12700" cap="flat" cmpd="sng" algn="ctr">
                      <a:solidFill>
                        <a:srgbClr val="904B65"/>
                      </a:solidFill>
                      <a:prstDash val="solid"/>
                      <a:round/>
                      <a:headEnd type="none" w="med" len="med"/>
                      <a:tailEnd type="none" w="med" len="med"/>
                    </a:lnR>
                    <a:lnT w="12700" cap="flat" cmpd="sng" algn="ctr">
                      <a:solidFill>
                        <a:srgbClr val="904B65"/>
                      </a:solidFill>
                      <a:prstDash val="solid"/>
                      <a:round/>
                      <a:headEnd type="none" w="med" len="med"/>
                      <a:tailEnd type="none" w="med" len="med"/>
                    </a:lnT>
                    <a:lnB w="12700" cap="flat" cmpd="sng" algn="ctr">
                      <a:solidFill>
                        <a:srgbClr val="904B65"/>
                      </a:solidFill>
                      <a:prstDash val="solid"/>
                      <a:round/>
                      <a:headEnd type="none" w="med" len="med"/>
                      <a:tailEnd type="none" w="med" len="med"/>
                    </a:lnB>
                  </a:tcPr>
                </a:tc>
                <a:tc>
                  <a:txBody>
                    <a:bodyPr/>
                    <a:lstStyle/>
                    <a:p>
                      <a:pPr fontAlgn="t"/>
                      <a:r>
                        <a:rPr lang="ja-JP" altLang="en-US" sz="1800" b="1" dirty="0">
                          <a:effectLst/>
                        </a:rPr>
                        <a:t>本来守るべき約束・習慣・規則が守られないこと</a:t>
                      </a:r>
                    </a:p>
                  </a:txBody>
                  <a:tcPr marL="44102" marR="44102" marT="22051" marB="22051">
                    <a:lnL w="12700" cap="flat" cmpd="sng" algn="ctr">
                      <a:solidFill>
                        <a:srgbClr val="904B65"/>
                      </a:solidFill>
                      <a:prstDash val="solid"/>
                      <a:round/>
                      <a:headEnd type="none" w="med" len="med"/>
                      <a:tailEnd type="none" w="med" len="med"/>
                    </a:lnL>
                    <a:lnR w="12700" cap="flat" cmpd="sng" algn="ctr">
                      <a:solidFill>
                        <a:srgbClr val="904B65"/>
                      </a:solidFill>
                      <a:prstDash val="solid"/>
                      <a:round/>
                      <a:headEnd type="none" w="med" len="med"/>
                      <a:tailEnd type="none" w="med" len="med"/>
                    </a:lnR>
                    <a:lnT w="12700" cap="flat" cmpd="sng" algn="ctr">
                      <a:solidFill>
                        <a:srgbClr val="904B65"/>
                      </a:solidFill>
                      <a:prstDash val="solid"/>
                      <a:round/>
                      <a:headEnd type="none" w="med" len="med"/>
                      <a:tailEnd type="none" w="med" len="med"/>
                    </a:lnT>
                    <a:lnB w="12700" cap="flat" cmpd="sng" algn="ctr">
                      <a:solidFill>
                        <a:srgbClr val="904B65"/>
                      </a:solidFill>
                      <a:prstDash val="solid"/>
                      <a:round/>
                      <a:headEnd type="none" w="med" len="med"/>
                      <a:tailEnd type="none" w="med" len="med"/>
                    </a:lnB>
                  </a:tcPr>
                </a:tc>
                <a:extLst>
                  <a:ext uri="{0D108BD9-81ED-4DB2-BD59-A6C34878D82A}">
                    <a16:rowId xmlns:a16="http://schemas.microsoft.com/office/drawing/2014/main" val="2376399037"/>
                  </a:ext>
                </a:extLst>
              </a:tr>
              <a:tr h="505047">
                <a:tc>
                  <a:txBody>
                    <a:bodyPr/>
                    <a:lstStyle/>
                    <a:p>
                      <a:pPr algn="l" fontAlgn="t"/>
                      <a:r>
                        <a:rPr lang="en-US" altLang="ja-JP" sz="1500" b="1">
                          <a:effectLst/>
                        </a:rPr>
                        <a:t>5</a:t>
                      </a:r>
                    </a:p>
                  </a:txBody>
                  <a:tcPr marL="44102" marR="44102" marT="22051" marB="22051">
                    <a:lnL w="12700" cap="flat" cmpd="sng" algn="ctr">
                      <a:solidFill>
                        <a:srgbClr val="104D65"/>
                      </a:solidFill>
                      <a:prstDash val="solid"/>
                      <a:round/>
                      <a:headEnd type="none" w="med" len="med"/>
                      <a:tailEnd type="none" w="med" len="med"/>
                    </a:lnL>
                    <a:lnR w="12700" cap="flat" cmpd="sng" algn="ctr">
                      <a:solidFill>
                        <a:srgbClr val="904B65"/>
                      </a:solidFill>
                      <a:prstDash val="solid"/>
                      <a:round/>
                      <a:headEnd type="none" w="med" len="med"/>
                      <a:tailEnd type="none" w="med" len="med"/>
                    </a:lnR>
                    <a:lnT w="12700" cap="flat" cmpd="sng" algn="ctr">
                      <a:solidFill>
                        <a:srgbClr val="104D65"/>
                      </a:solidFill>
                      <a:prstDash val="solid"/>
                      <a:round/>
                      <a:headEnd type="none" w="med" len="med"/>
                      <a:tailEnd type="none" w="med" len="med"/>
                    </a:lnT>
                    <a:lnB w="12700" cap="flat" cmpd="sng" algn="ctr">
                      <a:solidFill>
                        <a:srgbClr val="104D65"/>
                      </a:solidFill>
                      <a:prstDash val="solid"/>
                      <a:round/>
                      <a:headEnd type="none" w="med" len="med"/>
                      <a:tailEnd type="none" w="med" len="med"/>
                    </a:lnB>
                  </a:tcPr>
                </a:tc>
                <a:tc>
                  <a:txBody>
                    <a:bodyPr/>
                    <a:lstStyle/>
                    <a:p>
                      <a:pPr fontAlgn="t"/>
                      <a:r>
                        <a:rPr lang="ja-JP" altLang="en-US" sz="1800" b="1">
                          <a:effectLst/>
                        </a:rPr>
                        <a:t>誤判断</a:t>
                      </a:r>
                    </a:p>
                  </a:txBody>
                  <a:tcPr marL="44102" marR="44102" marT="22051" marB="22051">
                    <a:lnL w="12700" cap="flat" cmpd="sng" algn="ctr">
                      <a:solidFill>
                        <a:srgbClr val="904B65"/>
                      </a:solidFill>
                      <a:prstDash val="solid"/>
                      <a:round/>
                      <a:headEnd type="none" w="med" len="med"/>
                      <a:tailEnd type="none" w="med" len="med"/>
                    </a:lnL>
                    <a:lnR w="12700" cap="flat" cmpd="sng" algn="ctr">
                      <a:solidFill>
                        <a:srgbClr val="904B65"/>
                      </a:solidFill>
                      <a:prstDash val="solid"/>
                      <a:round/>
                      <a:headEnd type="none" w="med" len="med"/>
                      <a:tailEnd type="none" w="med" len="med"/>
                    </a:lnR>
                    <a:lnT w="12700" cap="flat" cmpd="sng" algn="ctr">
                      <a:solidFill>
                        <a:srgbClr val="904B65"/>
                      </a:solidFill>
                      <a:prstDash val="solid"/>
                      <a:round/>
                      <a:headEnd type="none" w="med" len="med"/>
                      <a:tailEnd type="none" w="med" len="med"/>
                    </a:lnT>
                    <a:lnB w="12700" cap="flat" cmpd="sng" algn="ctr">
                      <a:solidFill>
                        <a:srgbClr val="204C65"/>
                      </a:solidFill>
                      <a:prstDash val="solid"/>
                      <a:round/>
                      <a:headEnd type="none" w="med" len="med"/>
                      <a:tailEnd type="none" w="med" len="med"/>
                    </a:lnB>
                  </a:tcPr>
                </a:tc>
                <a:tc>
                  <a:txBody>
                    <a:bodyPr/>
                    <a:lstStyle/>
                    <a:p>
                      <a:pPr fontAlgn="t"/>
                      <a:r>
                        <a:rPr lang="ja-JP" altLang="en-US" sz="1800" b="1" dirty="0">
                          <a:effectLst/>
                        </a:rPr>
                        <a:t>判断における基準・手順・検討項目等に誤りがあること</a:t>
                      </a:r>
                    </a:p>
                  </a:txBody>
                  <a:tcPr marL="44102" marR="44102" marT="22051" marB="22051">
                    <a:lnL w="12700" cap="flat" cmpd="sng" algn="ctr">
                      <a:solidFill>
                        <a:srgbClr val="904B65"/>
                      </a:solidFill>
                      <a:prstDash val="solid"/>
                      <a:round/>
                      <a:headEnd type="none" w="med" len="med"/>
                      <a:tailEnd type="none" w="med" len="med"/>
                    </a:lnL>
                    <a:lnR w="12700" cap="flat" cmpd="sng" algn="ctr">
                      <a:solidFill>
                        <a:srgbClr val="904B65"/>
                      </a:solidFill>
                      <a:prstDash val="solid"/>
                      <a:round/>
                      <a:headEnd type="none" w="med" len="med"/>
                      <a:tailEnd type="none" w="med" len="med"/>
                    </a:lnR>
                    <a:lnT w="12700" cap="flat" cmpd="sng" algn="ctr">
                      <a:solidFill>
                        <a:srgbClr val="904B65"/>
                      </a:solidFill>
                      <a:prstDash val="solid"/>
                      <a:round/>
                      <a:headEnd type="none" w="med" len="med"/>
                      <a:tailEnd type="none" w="med" len="med"/>
                    </a:lnT>
                    <a:lnB w="12700" cap="flat" cmpd="sng" algn="ctr">
                      <a:solidFill>
                        <a:srgbClr val="204C65"/>
                      </a:solidFill>
                      <a:prstDash val="solid"/>
                      <a:round/>
                      <a:headEnd type="none" w="med" len="med"/>
                      <a:tailEnd type="none" w="med" len="med"/>
                    </a:lnB>
                  </a:tcPr>
                </a:tc>
                <a:extLst>
                  <a:ext uri="{0D108BD9-81ED-4DB2-BD59-A6C34878D82A}">
                    <a16:rowId xmlns:a16="http://schemas.microsoft.com/office/drawing/2014/main" val="2462652909"/>
                  </a:ext>
                </a:extLst>
              </a:tr>
              <a:tr h="722597">
                <a:tc>
                  <a:txBody>
                    <a:bodyPr/>
                    <a:lstStyle/>
                    <a:p>
                      <a:pPr algn="l" fontAlgn="t"/>
                      <a:r>
                        <a:rPr lang="en-US" altLang="ja-JP" sz="1500" b="1">
                          <a:effectLst/>
                        </a:rPr>
                        <a:t>6</a:t>
                      </a:r>
                    </a:p>
                  </a:txBody>
                  <a:tcPr marL="44102" marR="44102" marT="22051" marB="22051">
                    <a:lnL w="12700" cap="flat" cmpd="sng" algn="ctr">
                      <a:solidFill>
                        <a:srgbClr val="104D65"/>
                      </a:solidFill>
                      <a:prstDash val="solid"/>
                      <a:round/>
                      <a:headEnd type="none" w="med" len="med"/>
                      <a:tailEnd type="none" w="med" len="med"/>
                    </a:lnL>
                    <a:lnR w="12700" cap="flat" cmpd="sng" algn="ctr">
                      <a:solidFill>
                        <a:srgbClr val="204C65"/>
                      </a:solidFill>
                      <a:prstDash val="solid"/>
                      <a:round/>
                      <a:headEnd type="none" w="med" len="med"/>
                      <a:tailEnd type="none" w="med" len="med"/>
                    </a:lnR>
                    <a:lnT w="12700" cap="flat" cmpd="sng" algn="ctr">
                      <a:solidFill>
                        <a:srgbClr val="104D65"/>
                      </a:solidFill>
                      <a:prstDash val="solid"/>
                      <a:round/>
                      <a:headEnd type="none" w="med" len="med"/>
                      <a:tailEnd type="none" w="med" len="med"/>
                    </a:lnT>
                    <a:lnB w="12700" cap="flat" cmpd="sng" algn="ctr">
                      <a:solidFill>
                        <a:srgbClr val="104D65"/>
                      </a:solidFill>
                      <a:prstDash val="solid"/>
                      <a:round/>
                      <a:headEnd type="none" w="med" len="med"/>
                      <a:tailEnd type="none" w="med" len="med"/>
                    </a:lnB>
                  </a:tcPr>
                </a:tc>
                <a:tc>
                  <a:txBody>
                    <a:bodyPr/>
                    <a:lstStyle/>
                    <a:p>
                      <a:pPr fontAlgn="t"/>
                      <a:r>
                        <a:rPr lang="ja-JP" altLang="en-US" sz="1800" b="1">
                          <a:effectLst/>
                        </a:rPr>
                        <a:t>調査・検討不足</a:t>
                      </a:r>
                    </a:p>
                  </a:txBody>
                  <a:tcPr marL="44102" marR="44102" marT="22051" marB="22051">
                    <a:lnL w="12700" cap="flat" cmpd="sng" algn="ctr">
                      <a:solidFill>
                        <a:srgbClr val="204C65"/>
                      </a:solidFill>
                      <a:prstDash val="solid"/>
                      <a:round/>
                      <a:headEnd type="none" w="med" len="med"/>
                      <a:tailEnd type="none" w="med" len="med"/>
                    </a:lnL>
                    <a:lnR w="12700" cap="flat" cmpd="sng" algn="ctr">
                      <a:solidFill>
                        <a:srgbClr val="204C65"/>
                      </a:solidFill>
                      <a:prstDash val="solid"/>
                      <a:round/>
                      <a:headEnd type="none" w="med" len="med"/>
                      <a:tailEnd type="none" w="med" len="med"/>
                    </a:lnR>
                    <a:lnT w="12700" cap="flat" cmpd="sng" algn="ctr">
                      <a:solidFill>
                        <a:srgbClr val="204C65"/>
                      </a:solidFill>
                      <a:prstDash val="solid"/>
                      <a:round/>
                      <a:headEnd type="none" w="med" len="med"/>
                      <a:tailEnd type="none" w="med" len="med"/>
                    </a:lnT>
                    <a:lnB w="12700" cap="flat" cmpd="sng" algn="ctr">
                      <a:solidFill>
                        <a:srgbClr val="104D65"/>
                      </a:solidFill>
                      <a:prstDash val="solid"/>
                      <a:round/>
                      <a:headEnd type="none" w="med" len="med"/>
                      <a:tailEnd type="none" w="med" len="med"/>
                    </a:lnB>
                  </a:tcPr>
                </a:tc>
                <a:tc>
                  <a:txBody>
                    <a:bodyPr/>
                    <a:lstStyle/>
                    <a:p>
                      <a:pPr fontAlgn="t"/>
                      <a:r>
                        <a:rPr lang="ja-JP" altLang="en-US" sz="1800" b="1" dirty="0">
                          <a:effectLst/>
                        </a:rPr>
                        <a:t>判断に用いる情報の量や質、判断そのものの深さが不十分なこと</a:t>
                      </a:r>
                    </a:p>
                  </a:txBody>
                  <a:tcPr marL="44102" marR="44102" marT="22051" marB="22051">
                    <a:lnL w="12700" cap="flat" cmpd="sng" algn="ctr">
                      <a:solidFill>
                        <a:srgbClr val="204C65"/>
                      </a:solidFill>
                      <a:prstDash val="solid"/>
                      <a:round/>
                      <a:headEnd type="none" w="med" len="med"/>
                      <a:tailEnd type="none" w="med" len="med"/>
                    </a:lnL>
                    <a:lnR w="12700" cap="flat" cmpd="sng" algn="ctr">
                      <a:solidFill>
                        <a:srgbClr val="204C65"/>
                      </a:solidFill>
                      <a:prstDash val="solid"/>
                      <a:round/>
                      <a:headEnd type="none" w="med" len="med"/>
                      <a:tailEnd type="none" w="med" len="med"/>
                    </a:lnR>
                    <a:lnT w="12700" cap="flat" cmpd="sng" algn="ctr">
                      <a:solidFill>
                        <a:srgbClr val="204C65"/>
                      </a:solidFill>
                      <a:prstDash val="solid"/>
                      <a:round/>
                      <a:headEnd type="none" w="med" len="med"/>
                      <a:tailEnd type="none" w="med" len="med"/>
                    </a:lnT>
                    <a:lnB w="12700" cap="flat" cmpd="sng" algn="ctr">
                      <a:solidFill>
                        <a:srgbClr val="104D65"/>
                      </a:solidFill>
                      <a:prstDash val="solid"/>
                      <a:round/>
                      <a:headEnd type="none" w="med" len="med"/>
                      <a:tailEnd type="none" w="med" len="med"/>
                    </a:lnB>
                  </a:tcPr>
                </a:tc>
                <a:extLst>
                  <a:ext uri="{0D108BD9-81ED-4DB2-BD59-A6C34878D82A}">
                    <a16:rowId xmlns:a16="http://schemas.microsoft.com/office/drawing/2014/main" val="2236088565"/>
                  </a:ext>
                </a:extLst>
              </a:tr>
              <a:tr h="505047">
                <a:tc>
                  <a:txBody>
                    <a:bodyPr/>
                    <a:lstStyle/>
                    <a:p>
                      <a:pPr algn="l" fontAlgn="t"/>
                      <a:r>
                        <a:rPr lang="en-US" altLang="ja-JP" sz="1500" b="1">
                          <a:effectLst/>
                        </a:rPr>
                        <a:t>7</a:t>
                      </a:r>
                    </a:p>
                  </a:txBody>
                  <a:tcPr marL="44102" marR="44102" marT="22051" marB="22051">
                    <a:lnL w="12700" cap="flat" cmpd="sng" algn="ctr">
                      <a:solidFill>
                        <a:srgbClr val="104D65"/>
                      </a:solidFill>
                      <a:prstDash val="solid"/>
                      <a:round/>
                      <a:headEnd type="none" w="med" len="med"/>
                      <a:tailEnd type="none" w="med" len="med"/>
                    </a:lnL>
                    <a:lnR w="12700" cap="flat" cmpd="sng" algn="ctr">
                      <a:solidFill>
                        <a:srgbClr val="104D65"/>
                      </a:solidFill>
                      <a:prstDash val="solid"/>
                      <a:round/>
                      <a:headEnd type="none" w="med" len="med"/>
                      <a:tailEnd type="none" w="med" len="med"/>
                    </a:lnR>
                    <a:lnT w="12700" cap="flat" cmpd="sng" algn="ctr">
                      <a:solidFill>
                        <a:srgbClr val="104D65"/>
                      </a:solidFill>
                      <a:prstDash val="solid"/>
                      <a:round/>
                      <a:headEnd type="none" w="med" len="med"/>
                      <a:tailEnd type="none" w="med" len="med"/>
                    </a:lnT>
                    <a:lnB w="12700" cap="flat" cmpd="sng" algn="ctr">
                      <a:solidFill>
                        <a:srgbClr val="204F65"/>
                      </a:solidFill>
                      <a:prstDash val="solid"/>
                      <a:round/>
                      <a:headEnd type="none" w="med" len="med"/>
                      <a:tailEnd type="none" w="med" len="med"/>
                    </a:lnB>
                  </a:tcPr>
                </a:tc>
                <a:tc>
                  <a:txBody>
                    <a:bodyPr/>
                    <a:lstStyle/>
                    <a:p>
                      <a:pPr fontAlgn="t"/>
                      <a:r>
                        <a:rPr lang="ja-JP" altLang="en-US" sz="1800" b="1">
                          <a:effectLst/>
                        </a:rPr>
                        <a:t>制約条件の変化</a:t>
                      </a:r>
                    </a:p>
                  </a:txBody>
                  <a:tcPr marL="44102" marR="44102" marT="22051" marB="22051">
                    <a:lnL w="12700" cap="flat" cmpd="sng" algn="ctr">
                      <a:solidFill>
                        <a:srgbClr val="104D65"/>
                      </a:solidFill>
                      <a:prstDash val="solid"/>
                      <a:round/>
                      <a:headEnd type="none" w="med" len="med"/>
                      <a:tailEnd type="none" w="med" len="med"/>
                    </a:lnL>
                    <a:lnR w="12700" cap="flat" cmpd="sng" algn="ctr">
                      <a:solidFill>
                        <a:srgbClr val="104D65"/>
                      </a:solidFill>
                      <a:prstDash val="solid"/>
                      <a:round/>
                      <a:headEnd type="none" w="med" len="med"/>
                      <a:tailEnd type="none" w="med" len="med"/>
                    </a:lnR>
                    <a:lnT w="12700" cap="flat" cmpd="sng" algn="ctr">
                      <a:solidFill>
                        <a:srgbClr val="104D65"/>
                      </a:solidFill>
                      <a:prstDash val="solid"/>
                      <a:round/>
                      <a:headEnd type="none" w="med" len="med"/>
                      <a:tailEnd type="none" w="med" len="med"/>
                    </a:lnT>
                    <a:lnB w="12700" cap="flat" cmpd="sng" algn="ctr">
                      <a:solidFill>
                        <a:srgbClr val="F04E65"/>
                      </a:solidFill>
                      <a:prstDash val="solid"/>
                      <a:round/>
                      <a:headEnd type="none" w="med" len="med"/>
                      <a:tailEnd type="none" w="med" len="med"/>
                    </a:lnB>
                  </a:tcPr>
                </a:tc>
                <a:tc>
                  <a:txBody>
                    <a:bodyPr/>
                    <a:lstStyle/>
                    <a:p>
                      <a:pPr fontAlgn="t"/>
                      <a:r>
                        <a:rPr lang="ja-JP" altLang="en-US" sz="1800" b="1" dirty="0">
                          <a:effectLst/>
                        </a:rPr>
                        <a:t>前提としている事柄が想定外の変化をすること</a:t>
                      </a:r>
                    </a:p>
                  </a:txBody>
                  <a:tcPr marL="44102" marR="44102" marT="22051" marB="22051">
                    <a:lnL w="12700" cap="flat" cmpd="sng" algn="ctr">
                      <a:solidFill>
                        <a:srgbClr val="104D65"/>
                      </a:solidFill>
                      <a:prstDash val="solid"/>
                      <a:round/>
                      <a:headEnd type="none" w="med" len="med"/>
                      <a:tailEnd type="none" w="med" len="med"/>
                    </a:lnL>
                    <a:lnR w="12700" cap="flat" cmpd="sng" algn="ctr">
                      <a:solidFill>
                        <a:srgbClr val="104D65"/>
                      </a:solidFill>
                      <a:prstDash val="solid"/>
                      <a:round/>
                      <a:headEnd type="none" w="med" len="med"/>
                      <a:tailEnd type="none" w="med" len="med"/>
                    </a:lnR>
                    <a:lnT w="12700" cap="flat" cmpd="sng" algn="ctr">
                      <a:solidFill>
                        <a:srgbClr val="104D65"/>
                      </a:solidFill>
                      <a:prstDash val="solid"/>
                      <a:round/>
                      <a:headEnd type="none" w="med" len="med"/>
                      <a:tailEnd type="none" w="med" len="med"/>
                    </a:lnT>
                    <a:lnB w="12700" cap="flat" cmpd="sng" algn="ctr">
                      <a:solidFill>
                        <a:srgbClr val="F04E65"/>
                      </a:solidFill>
                      <a:prstDash val="solid"/>
                      <a:round/>
                      <a:headEnd type="none" w="med" len="med"/>
                      <a:tailEnd type="none" w="med" len="med"/>
                    </a:lnB>
                  </a:tcPr>
                </a:tc>
                <a:extLst>
                  <a:ext uri="{0D108BD9-81ED-4DB2-BD59-A6C34878D82A}">
                    <a16:rowId xmlns:a16="http://schemas.microsoft.com/office/drawing/2014/main" val="1892802270"/>
                  </a:ext>
                </a:extLst>
              </a:tr>
              <a:tr h="338110">
                <a:tc>
                  <a:txBody>
                    <a:bodyPr/>
                    <a:lstStyle/>
                    <a:p>
                      <a:pPr algn="l" fontAlgn="t"/>
                      <a:r>
                        <a:rPr lang="en-US" altLang="ja-JP" sz="1500" b="1">
                          <a:effectLst/>
                        </a:rPr>
                        <a:t>8</a:t>
                      </a:r>
                    </a:p>
                  </a:txBody>
                  <a:tcPr marL="44102" marR="44102" marT="22051" marB="22051">
                    <a:lnL w="12700" cap="flat" cmpd="sng" algn="ctr">
                      <a:solidFill>
                        <a:srgbClr val="204F65"/>
                      </a:solidFill>
                      <a:prstDash val="solid"/>
                      <a:round/>
                      <a:headEnd type="none" w="med" len="med"/>
                      <a:tailEnd type="none" w="med" len="med"/>
                    </a:lnL>
                    <a:lnR w="12700" cap="flat" cmpd="sng" algn="ctr">
                      <a:solidFill>
                        <a:srgbClr val="F04E65"/>
                      </a:solidFill>
                      <a:prstDash val="solid"/>
                      <a:round/>
                      <a:headEnd type="none" w="med" len="med"/>
                      <a:tailEnd type="none" w="med" len="med"/>
                    </a:lnR>
                    <a:lnT w="12700" cap="flat" cmpd="sng" algn="ctr">
                      <a:solidFill>
                        <a:srgbClr val="204F65"/>
                      </a:solidFill>
                      <a:prstDash val="solid"/>
                      <a:round/>
                      <a:headEnd type="none" w="med" len="med"/>
                      <a:tailEnd type="none" w="med" len="med"/>
                    </a:lnT>
                    <a:lnB w="12700" cap="flat" cmpd="sng" algn="ctr">
                      <a:solidFill>
                        <a:srgbClr val="F05165"/>
                      </a:solidFill>
                      <a:prstDash val="solid"/>
                      <a:round/>
                      <a:headEnd type="none" w="med" len="med"/>
                      <a:tailEnd type="none" w="med" len="med"/>
                    </a:lnB>
                  </a:tcPr>
                </a:tc>
                <a:tc>
                  <a:txBody>
                    <a:bodyPr/>
                    <a:lstStyle/>
                    <a:p>
                      <a:pPr fontAlgn="t"/>
                      <a:r>
                        <a:rPr lang="ja-JP" altLang="en-US" sz="1800" b="1">
                          <a:effectLst/>
                        </a:rPr>
                        <a:t>企画不良</a:t>
                      </a:r>
                    </a:p>
                  </a:txBody>
                  <a:tcPr marL="44102" marR="44102" marT="22051" marB="22051">
                    <a:lnL w="12700" cap="flat" cmpd="sng" algn="ctr">
                      <a:solidFill>
                        <a:srgbClr val="F04E65"/>
                      </a:solidFill>
                      <a:prstDash val="solid"/>
                      <a:round/>
                      <a:headEnd type="none" w="med" len="med"/>
                      <a:tailEnd type="none" w="med" len="med"/>
                    </a:lnL>
                    <a:lnR w="12700" cap="flat" cmpd="sng" algn="ctr">
                      <a:solidFill>
                        <a:srgbClr val="F04E65"/>
                      </a:solidFill>
                      <a:prstDash val="solid"/>
                      <a:round/>
                      <a:headEnd type="none" w="med" len="med"/>
                      <a:tailEnd type="none" w="med" len="med"/>
                    </a:lnR>
                    <a:lnT w="12700" cap="flat" cmpd="sng" algn="ctr">
                      <a:solidFill>
                        <a:srgbClr val="F04E65"/>
                      </a:solidFill>
                      <a:prstDash val="solid"/>
                      <a:round/>
                      <a:headEnd type="none" w="med" len="med"/>
                      <a:tailEnd type="none" w="med" len="med"/>
                    </a:lnT>
                    <a:lnB w="12700" cap="flat" cmpd="sng" algn="ctr">
                      <a:solidFill>
                        <a:srgbClr val="305465"/>
                      </a:solidFill>
                      <a:prstDash val="solid"/>
                      <a:round/>
                      <a:headEnd type="none" w="med" len="med"/>
                      <a:tailEnd type="none" w="med" len="med"/>
                    </a:lnB>
                  </a:tcPr>
                </a:tc>
                <a:tc>
                  <a:txBody>
                    <a:bodyPr/>
                    <a:lstStyle/>
                    <a:p>
                      <a:pPr fontAlgn="t"/>
                      <a:r>
                        <a:rPr lang="ja-JP" altLang="en-US" sz="1800" b="1" dirty="0">
                          <a:effectLst/>
                        </a:rPr>
                        <a:t>計画自体に無理があること</a:t>
                      </a:r>
                    </a:p>
                  </a:txBody>
                  <a:tcPr marL="44102" marR="44102" marT="22051" marB="22051">
                    <a:lnL w="12700" cap="flat" cmpd="sng" algn="ctr">
                      <a:solidFill>
                        <a:srgbClr val="F04E65"/>
                      </a:solidFill>
                      <a:prstDash val="solid"/>
                      <a:round/>
                      <a:headEnd type="none" w="med" len="med"/>
                      <a:tailEnd type="none" w="med" len="med"/>
                    </a:lnL>
                    <a:lnR w="12700" cap="flat" cmpd="sng" algn="ctr">
                      <a:solidFill>
                        <a:srgbClr val="F04E65"/>
                      </a:solidFill>
                      <a:prstDash val="solid"/>
                      <a:round/>
                      <a:headEnd type="none" w="med" len="med"/>
                      <a:tailEnd type="none" w="med" len="med"/>
                    </a:lnR>
                    <a:lnT w="12700" cap="flat" cmpd="sng" algn="ctr">
                      <a:solidFill>
                        <a:srgbClr val="F04E65"/>
                      </a:solidFill>
                      <a:prstDash val="solid"/>
                      <a:round/>
                      <a:headEnd type="none" w="med" len="med"/>
                      <a:tailEnd type="none" w="med" len="med"/>
                    </a:lnT>
                    <a:lnB w="12700" cap="flat" cmpd="sng" algn="ctr">
                      <a:solidFill>
                        <a:srgbClr val="305465"/>
                      </a:solidFill>
                      <a:prstDash val="solid"/>
                      <a:round/>
                      <a:headEnd type="none" w="med" len="med"/>
                      <a:tailEnd type="none" w="med" len="med"/>
                    </a:lnB>
                  </a:tcPr>
                </a:tc>
                <a:extLst>
                  <a:ext uri="{0D108BD9-81ED-4DB2-BD59-A6C34878D82A}">
                    <a16:rowId xmlns:a16="http://schemas.microsoft.com/office/drawing/2014/main" val="3313745503"/>
                  </a:ext>
                </a:extLst>
              </a:tr>
              <a:tr h="505047">
                <a:tc>
                  <a:txBody>
                    <a:bodyPr/>
                    <a:lstStyle/>
                    <a:p>
                      <a:pPr algn="l" fontAlgn="t"/>
                      <a:r>
                        <a:rPr lang="en-US" altLang="ja-JP" sz="1500" b="1">
                          <a:effectLst/>
                        </a:rPr>
                        <a:t>9</a:t>
                      </a:r>
                    </a:p>
                  </a:txBody>
                  <a:tcPr marL="44102" marR="44102" marT="22051" marB="22051">
                    <a:lnL w="12700" cap="flat" cmpd="sng" algn="ctr">
                      <a:solidFill>
                        <a:srgbClr val="F05165"/>
                      </a:solidFill>
                      <a:prstDash val="solid"/>
                      <a:round/>
                      <a:headEnd type="none" w="med" len="med"/>
                      <a:tailEnd type="none" w="med" len="med"/>
                    </a:lnL>
                    <a:lnR w="12700" cap="flat" cmpd="sng" algn="ctr">
                      <a:solidFill>
                        <a:srgbClr val="305465"/>
                      </a:solidFill>
                      <a:prstDash val="solid"/>
                      <a:round/>
                      <a:headEnd type="none" w="med" len="med"/>
                      <a:tailEnd type="none" w="med" len="med"/>
                    </a:lnR>
                    <a:lnT w="12700" cap="flat" cmpd="sng" algn="ctr">
                      <a:solidFill>
                        <a:srgbClr val="F05165"/>
                      </a:solidFill>
                      <a:prstDash val="solid"/>
                      <a:round/>
                      <a:headEnd type="none" w="med" len="med"/>
                      <a:tailEnd type="none" w="med" len="med"/>
                    </a:lnT>
                    <a:lnB w="12700" cap="flat" cmpd="sng" algn="ctr">
                      <a:solidFill>
                        <a:srgbClr val="605165"/>
                      </a:solidFill>
                      <a:prstDash val="solid"/>
                      <a:round/>
                      <a:headEnd type="none" w="med" len="med"/>
                      <a:tailEnd type="none" w="med" len="med"/>
                    </a:lnB>
                  </a:tcPr>
                </a:tc>
                <a:tc>
                  <a:txBody>
                    <a:bodyPr/>
                    <a:lstStyle/>
                    <a:p>
                      <a:pPr fontAlgn="t"/>
                      <a:r>
                        <a:rPr lang="ja-JP" altLang="en-US" sz="1800" b="1">
                          <a:effectLst/>
                        </a:rPr>
                        <a:t>価値観不良</a:t>
                      </a:r>
                    </a:p>
                  </a:txBody>
                  <a:tcPr marL="44102" marR="44102" marT="22051" marB="22051">
                    <a:lnL w="12700" cap="flat" cmpd="sng" algn="ctr">
                      <a:solidFill>
                        <a:srgbClr val="305465"/>
                      </a:solidFill>
                      <a:prstDash val="solid"/>
                      <a:round/>
                      <a:headEnd type="none" w="med" len="med"/>
                      <a:tailEnd type="none" w="med" len="med"/>
                    </a:lnL>
                    <a:lnR w="12700" cap="flat" cmpd="sng" algn="ctr">
                      <a:solidFill>
                        <a:srgbClr val="305465"/>
                      </a:solidFill>
                      <a:prstDash val="solid"/>
                      <a:round/>
                      <a:headEnd type="none" w="med" len="med"/>
                      <a:tailEnd type="none" w="med" len="med"/>
                    </a:lnR>
                    <a:lnT w="12700" cap="flat" cmpd="sng" algn="ctr">
                      <a:solidFill>
                        <a:srgbClr val="305465"/>
                      </a:solidFill>
                      <a:prstDash val="solid"/>
                      <a:round/>
                      <a:headEnd type="none" w="med" len="med"/>
                      <a:tailEnd type="none" w="med" len="med"/>
                    </a:lnT>
                    <a:lnB w="12700" cap="flat" cmpd="sng" algn="ctr">
                      <a:solidFill>
                        <a:srgbClr val="C05165"/>
                      </a:solidFill>
                      <a:prstDash val="solid"/>
                      <a:round/>
                      <a:headEnd type="none" w="med" len="med"/>
                      <a:tailEnd type="none" w="med" len="med"/>
                    </a:lnB>
                  </a:tcPr>
                </a:tc>
                <a:tc>
                  <a:txBody>
                    <a:bodyPr/>
                    <a:lstStyle/>
                    <a:p>
                      <a:pPr fontAlgn="t"/>
                      <a:r>
                        <a:rPr lang="ja-JP" altLang="en-US" sz="1800" b="1" dirty="0">
                          <a:effectLst/>
                        </a:rPr>
                        <a:t>内部の価値観が周囲の価値観と著しく乖離してしまうこと</a:t>
                      </a:r>
                    </a:p>
                  </a:txBody>
                  <a:tcPr marL="44102" marR="44102" marT="22051" marB="22051">
                    <a:lnL w="12700" cap="flat" cmpd="sng" algn="ctr">
                      <a:solidFill>
                        <a:srgbClr val="305465"/>
                      </a:solidFill>
                      <a:prstDash val="solid"/>
                      <a:round/>
                      <a:headEnd type="none" w="med" len="med"/>
                      <a:tailEnd type="none" w="med" len="med"/>
                    </a:lnL>
                    <a:lnR w="12700" cap="flat" cmpd="sng" algn="ctr">
                      <a:solidFill>
                        <a:srgbClr val="305465"/>
                      </a:solidFill>
                      <a:prstDash val="solid"/>
                      <a:round/>
                      <a:headEnd type="none" w="med" len="med"/>
                      <a:tailEnd type="none" w="med" len="med"/>
                    </a:lnR>
                    <a:lnT w="12700" cap="flat" cmpd="sng" algn="ctr">
                      <a:solidFill>
                        <a:srgbClr val="305465"/>
                      </a:solidFill>
                      <a:prstDash val="solid"/>
                      <a:round/>
                      <a:headEnd type="none" w="med" len="med"/>
                      <a:tailEnd type="none" w="med" len="med"/>
                    </a:lnT>
                    <a:lnB w="12700" cap="flat" cmpd="sng" algn="ctr">
                      <a:solidFill>
                        <a:srgbClr val="C05165"/>
                      </a:solidFill>
                      <a:prstDash val="solid"/>
                      <a:round/>
                      <a:headEnd type="none" w="med" len="med"/>
                      <a:tailEnd type="none" w="med" len="med"/>
                    </a:lnB>
                  </a:tcPr>
                </a:tc>
                <a:extLst>
                  <a:ext uri="{0D108BD9-81ED-4DB2-BD59-A6C34878D82A}">
                    <a16:rowId xmlns:a16="http://schemas.microsoft.com/office/drawing/2014/main" val="2374150887"/>
                  </a:ext>
                </a:extLst>
              </a:tr>
              <a:tr h="505047">
                <a:tc>
                  <a:txBody>
                    <a:bodyPr/>
                    <a:lstStyle/>
                    <a:p>
                      <a:pPr algn="l" fontAlgn="t"/>
                      <a:r>
                        <a:rPr lang="en-US" altLang="ja-JP" sz="1500" b="1">
                          <a:effectLst/>
                        </a:rPr>
                        <a:t>10</a:t>
                      </a:r>
                    </a:p>
                  </a:txBody>
                  <a:tcPr marL="44102" marR="44102" marT="22051" marB="22051">
                    <a:lnL w="12700" cap="flat" cmpd="sng" algn="ctr">
                      <a:solidFill>
                        <a:srgbClr val="605165"/>
                      </a:solidFill>
                      <a:prstDash val="solid"/>
                      <a:round/>
                      <a:headEnd type="none" w="med" len="med"/>
                      <a:tailEnd type="none" w="med" len="med"/>
                    </a:lnL>
                    <a:lnR w="12700" cap="flat" cmpd="sng" algn="ctr">
                      <a:solidFill>
                        <a:srgbClr val="C05165"/>
                      </a:solidFill>
                      <a:prstDash val="solid"/>
                      <a:round/>
                      <a:headEnd type="none" w="med" len="med"/>
                      <a:tailEnd type="none" w="med" len="med"/>
                    </a:lnR>
                    <a:lnT w="12700" cap="flat" cmpd="sng" algn="ctr">
                      <a:solidFill>
                        <a:srgbClr val="605165"/>
                      </a:solidFill>
                      <a:prstDash val="solid"/>
                      <a:round/>
                      <a:headEnd type="none" w="med" len="med"/>
                      <a:tailEnd type="none" w="med" len="med"/>
                    </a:lnT>
                    <a:lnB w="12700" cap="flat" cmpd="sng" algn="ctr">
                      <a:solidFill>
                        <a:srgbClr val="605165"/>
                      </a:solidFill>
                      <a:prstDash val="solid"/>
                      <a:round/>
                      <a:headEnd type="none" w="med" len="med"/>
                      <a:tailEnd type="none" w="med" len="med"/>
                    </a:lnB>
                  </a:tcPr>
                </a:tc>
                <a:tc>
                  <a:txBody>
                    <a:bodyPr/>
                    <a:lstStyle/>
                    <a:p>
                      <a:pPr fontAlgn="t"/>
                      <a:r>
                        <a:rPr lang="zh-TW" altLang="en-US" sz="1800" b="1">
                          <a:effectLst/>
                        </a:rPr>
                        <a:t>組織運営不良</a:t>
                      </a:r>
                    </a:p>
                  </a:txBody>
                  <a:tcPr marL="44102" marR="44102" marT="22051" marB="22051">
                    <a:lnL w="12700" cap="flat" cmpd="sng" algn="ctr">
                      <a:solidFill>
                        <a:srgbClr val="C05165"/>
                      </a:solidFill>
                      <a:prstDash val="solid"/>
                      <a:round/>
                      <a:headEnd type="none" w="med" len="med"/>
                      <a:tailEnd type="none" w="med" len="med"/>
                    </a:lnL>
                    <a:lnR w="12700" cap="flat" cmpd="sng" algn="ctr">
                      <a:solidFill>
                        <a:srgbClr val="C05165"/>
                      </a:solidFill>
                      <a:prstDash val="solid"/>
                      <a:round/>
                      <a:headEnd type="none" w="med" len="med"/>
                      <a:tailEnd type="none" w="med" len="med"/>
                    </a:lnR>
                    <a:lnT w="12700" cap="flat" cmpd="sng" algn="ctr">
                      <a:solidFill>
                        <a:srgbClr val="C05165"/>
                      </a:solidFill>
                      <a:prstDash val="solid"/>
                      <a:round/>
                      <a:headEnd type="none" w="med" len="med"/>
                      <a:tailEnd type="none" w="med" len="med"/>
                    </a:lnT>
                    <a:lnB w="12700" cap="flat" cmpd="sng" algn="ctr">
                      <a:solidFill>
                        <a:srgbClr val="C05165"/>
                      </a:solidFill>
                      <a:prstDash val="solid"/>
                      <a:round/>
                      <a:headEnd type="none" w="med" len="med"/>
                      <a:tailEnd type="none" w="med" len="med"/>
                    </a:lnB>
                  </a:tcPr>
                </a:tc>
                <a:tc>
                  <a:txBody>
                    <a:bodyPr/>
                    <a:lstStyle/>
                    <a:p>
                      <a:pPr fontAlgn="t"/>
                      <a:r>
                        <a:rPr lang="ja-JP" altLang="en-US" sz="1800" b="1" dirty="0">
                          <a:effectLst/>
                        </a:rPr>
                        <a:t>組織が正常に運営されていないこと</a:t>
                      </a:r>
                    </a:p>
                  </a:txBody>
                  <a:tcPr marL="44102" marR="44102" marT="22051" marB="22051">
                    <a:lnL w="12700" cap="flat" cmpd="sng" algn="ctr">
                      <a:solidFill>
                        <a:srgbClr val="C05165"/>
                      </a:solidFill>
                      <a:prstDash val="solid"/>
                      <a:round/>
                      <a:headEnd type="none" w="med" len="med"/>
                      <a:tailEnd type="none" w="med" len="med"/>
                    </a:lnL>
                    <a:lnR w="12700" cap="flat" cmpd="sng" algn="ctr">
                      <a:solidFill>
                        <a:srgbClr val="C05165"/>
                      </a:solidFill>
                      <a:prstDash val="solid"/>
                      <a:round/>
                      <a:headEnd type="none" w="med" len="med"/>
                      <a:tailEnd type="none" w="med" len="med"/>
                    </a:lnR>
                    <a:lnT w="12700" cap="flat" cmpd="sng" algn="ctr">
                      <a:solidFill>
                        <a:srgbClr val="C05165"/>
                      </a:solidFill>
                      <a:prstDash val="solid"/>
                      <a:round/>
                      <a:headEnd type="none" w="med" len="med"/>
                      <a:tailEnd type="none" w="med" len="med"/>
                    </a:lnT>
                    <a:lnB w="12700" cap="flat" cmpd="sng" algn="ctr">
                      <a:solidFill>
                        <a:srgbClr val="C05165"/>
                      </a:solidFill>
                      <a:prstDash val="solid"/>
                      <a:round/>
                      <a:headEnd type="none" w="med" len="med"/>
                      <a:tailEnd type="none" w="med" len="med"/>
                    </a:lnB>
                  </a:tcPr>
                </a:tc>
                <a:extLst>
                  <a:ext uri="{0D108BD9-81ED-4DB2-BD59-A6C34878D82A}">
                    <a16:rowId xmlns:a16="http://schemas.microsoft.com/office/drawing/2014/main" val="4224348380"/>
                  </a:ext>
                </a:extLst>
              </a:tr>
            </a:tbl>
          </a:graphicData>
        </a:graphic>
      </p:graphicFrame>
      <p:sp>
        <p:nvSpPr>
          <p:cNvPr id="3" name="Rectangle 1">
            <a:extLst>
              <a:ext uri="{FF2B5EF4-FFF2-40B4-BE49-F238E27FC236}">
                <a16:creationId xmlns:a16="http://schemas.microsoft.com/office/drawing/2014/main" id="{7C296207-EB9D-F613-72A7-E61C49C0696F}"/>
              </a:ext>
            </a:extLst>
          </p:cNvPr>
          <p:cNvSpPr>
            <a:spLocks noChangeArrowheads="1"/>
          </p:cNvSpPr>
          <p:nvPr/>
        </p:nvSpPr>
        <p:spPr bwMode="auto">
          <a:xfrm>
            <a:off x="1062073" y="373776"/>
            <a:ext cx="4104329" cy="7694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68580" tIns="34290" rIns="68580" bIns="34290" numCol="1" anchor="ctr"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defTabSz="685800"/>
            <a:r>
              <a:rPr lang="ja-JP" altLang="ja-JP" sz="3200" b="1" dirty="0"/>
              <a:t>表1</a:t>
            </a:r>
            <a:r>
              <a:rPr lang="ja-JP" altLang="ja-JP" sz="3200" dirty="0"/>
              <a:t>　失敗の10大要因</a:t>
            </a:r>
          </a:p>
          <a:p>
            <a:pPr defTabSz="685800"/>
            <a:endParaRPr lang="ja-JP" altLang="ja-JP" sz="1350" dirty="0"/>
          </a:p>
        </p:txBody>
      </p:sp>
    </p:spTree>
    <p:extLst>
      <p:ext uri="{BB962C8B-B14F-4D97-AF65-F5344CB8AC3E}">
        <p14:creationId xmlns:p14="http://schemas.microsoft.com/office/powerpoint/2010/main" val="427085630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261257" y="685866"/>
            <a:ext cx="8229600" cy="540296"/>
          </a:xfrm>
        </p:spPr>
        <p:txBody>
          <a:bodyPr>
            <a:noAutofit/>
          </a:bodyPr>
          <a:lstStyle/>
          <a:p>
            <a:r>
              <a:rPr lang="ja-JP" altLang="en-US" sz="2800" b="1" dirty="0"/>
              <a:t>危険な橋梁の処置（負のリスク）検証技術</a:t>
            </a:r>
            <a:br>
              <a:rPr lang="en-US" altLang="ja-JP" sz="2800" b="1" dirty="0"/>
            </a:br>
            <a:r>
              <a:rPr lang="ja-JP" altLang="en-US" sz="2800" b="1" dirty="0"/>
              <a:t>　</a:t>
            </a:r>
            <a:r>
              <a:rPr lang="ja-JP" altLang="en-US" sz="2000" b="1" dirty="0"/>
              <a:t>４０年経過した、オーバーブリッジ（</a:t>
            </a:r>
            <a:r>
              <a:rPr lang="en-US" altLang="ja-JP" sz="2000" b="1" dirty="0"/>
              <a:t>PC</a:t>
            </a:r>
            <a:r>
              <a:rPr lang="ja-JP" altLang="en-US" sz="2000" b="1" dirty="0"/>
              <a:t>斜</a:t>
            </a:r>
            <a:r>
              <a:rPr lang="en-US" altLang="ja-JP" sz="2000" b="1" dirty="0"/>
              <a:t>π</a:t>
            </a:r>
            <a:r>
              <a:rPr lang="ja-JP" altLang="en-US" sz="2000" b="1" dirty="0"/>
              <a:t>ラーメン橋）</a:t>
            </a:r>
            <a:br>
              <a:rPr lang="en-US" altLang="ja-JP" sz="2000" b="1" dirty="0"/>
            </a:br>
            <a:r>
              <a:rPr lang="ja-JP" altLang="en-US" sz="2000" b="1" dirty="0"/>
              <a:t>　検証を行い撤去の決定　⇒撤去まで１０年かかる</a:t>
            </a:r>
            <a:br>
              <a:rPr lang="en-US" altLang="ja-JP" sz="2000" b="1" dirty="0"/>
            </a:br>
            <a:r>
              <a:rPr lang="ja-JP" altLang="en-US" sz="2000" b="1" dirty="0"/>
              <a:t>　設計、施工は</a:t>
            </a:r>
            <a:r>
              <a:rPr lang="en-US" altLang="ja-JP" sz="2000" b="1" dirty="0"/>
              <a:t>NEXCO</a:t>
            </a:r>
            <a:r>
              <a:rPr lang="ja-JP" altLang="en-US" sz="2000" b="1" dirty="0"/>
              <a:t>、移管され監理は富山市　</a:t>
            </a:r>
            <a:r>
              <a:rPr kumimoji="1" lang="ja-JP" altLang="en-US" sz="2800" dirty="0"/>
              <a:t>撤去　</a:t>
            </a:r>
            <a:r>
              <a:rPr kumimoji="1" lang="ja-JP" altLang="en-US" sz="2000" dirty="0"/>
              <a:t>費用１８億円</a:t>
            </a:r>
            <a:br>
              <a:rPr lang="en-US" altLang="ja-JP" sz="2800" b="1" dirty="0"/>
            </a:br>
            <a:endParaRPr kumimoji="1" lang="ja-JP" altLang="en-US" sz="2800" b="1" dirty="0"/>
          </a:p>
        </p:txBody>
      </p:sp>
      <p:pic>
        <p:nvPicPr>
          <p:cNvPr id="5" name="図 4">
            <a:extLst>
              <a:ext uri="{FF2B5EF4-FFF2-40B4-BE49-F238E27FC236}">
                <a16:creationId xmlns:a16="http://schemas.microsoft.com/office/drawing/2014/main" id="{DE9D6DCA-0D6D-981C-E293-BD89EF97BDDB}"/>
              </a:ext>
            </a:extLst>
          </p:cNvPr>
          <p:cNvPicPr>
            <a:picLocks noChangeAspect="1"/>
          </p:cNvPicPr>
          <p:nvPr/>
        </p:nvPicPr>
        <p:blipFill>
          <a:blip r:embed="rId2"/>
          <a:stretch>
            <a:fillRect/>
          </a:stretch>
        </p:blipFill>
        <p:spPr>
          <a:xfrm>
            <a:off x="261257" y="1532294"/>
            <a:ext cx="3971080" cy="1744306"/>
          </a:xfrm>
          <a:prstGeom prst="rect">
            <a:avLst/>
          </a:prstGeom>
        </p:spPr>
      </p:pic>
      <p:pic>
        <p:nvPicPr>
          <p:cNvPr id="7" name="図 6">
            <a:extLst>
              <a:ext uri="{FF2B5EF4-FFF2-40B4-BE49-F238E27FC236}">
                <a16:creationId xmlns:a16="http://schemas.microsoft.com/office/drawing/2014/main" id="{EE6E90E0-5CEA-8EFA-DFE3-20656016C984}"/>
              </a:ext>
            </a:extLst>
          </p:cNvPr>
          <p:cNvPicPr>
            <a:picLocks noChangeAspect="1"/>
          </p:cNvPicPr>
          <p:nvPr/>
        </p:nvPicPr>
        <p:blipFill>
          <a:blip r:embed="rId3"/>
          <a:stretch>
            <a:fillRect/>
          </a:stretch>
        </p:blipFill>
        <p:spPr>
          <a:xfrm>
            <a:off x="5122467" y="1478898"/>
            <a:ext cx="3173965" cy="1797702"/>
          </a:xfrm>
          <a:prstGeom prst="rect">
            <a:avLst/>
          </a:prstGeom>
        </p:spPr>
      </p:pic>
      <p:pic>
        <p:nvPicPr>
          <p:cNvPr id="3" name="図 1">
            <a:extLst>
              <a:ext uri="{FF2B5EF4-FFF2-40B4-BE49-F238E27FC236}">
                <a16:creationId xmlns:a16="http://schemas.microsoft.com/office/drawing/2014/main" id="{625AF135-A97B-761D-6E60-EB0F925E06C7}"/>
              </a:ext>
            </a:extLst>
          </p:cNvPr>
          <p:cNvPicPr>
            <a:picLocks noChangeAspect="1" noChangeArrowheads="1"/>
          </p:cNvPicPr>
          <p:nvPr/>
        </p:nvPicPr>
        <p:blipFill>
          <a:blip r:embed="rId4">
            <a:extLst>
              <a:ext uri="{28A0092B-C50C-407E-A947-70E740481C1C}">
                <a14:useLocalDpi xmlns:a14="http://schemas.microsoft.com/office/drawing/2010/main" val="0"/>
              </a:ext>
            </a:extLst>
          </a:blip>
          <a:srcRect l="14934" t="3789" r="14288" b="15343"/>
          <a:stretch>
            <a:fillRect/>
          </a:stretch>
        </p:blipFill>
        <p:spPr bwMode="auto">
          <a:xfrm>
            <a:off x="261257" y="3276600"/>
            <a:ext cx="4080416" cy="26205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テキスト ボックス 3">
            <a:extLst>
              <a:ext uri="{FF2B5EF4-FFF2-40B4-BE49-F238E27FC236}">
                <a16:creationId xmlns:a16="http://schemas.microsoft.com/office/drawing/2014/main" id="{2E3FDF3E-A744-DAA0-545B-9B410D90343D}"/>
              </a:ext>
            </a:extLst>
          </p:cNvPr>
          <p:cNvSpPr txBox="1"/>
          <p:nvPr/>
        </p:nvSpPr>
        <p:spPr>
          <a:xfrm>
            <a:off x="4376057" y="3380125"/>
            <a:ext cx="4965322" cy="3477875"/>
          </a:xfrm>
          <a:prstGeom prst="rect">
            <a:avLst/>
          </a:prstGeom>
          <a:noFill/>
        </p:spPr>
        <p:txBody>
          <a:bodyPr wrap="square" rtlCol="0">
            <a:spAutoFit/>
          </a:bodyPr>
          <a:lstStyle/>
          <a:p>
            <a:r>
              <a:rPr kumimoji="1" lang="ja-JP" altLang="en-US" sz="2000" dirty="0"/>
              <a:t>①初見で、危機感抱く。撤去の決断</a:t>
            </a:r>
            <a:endParaRPr kumimoji="1" lang="en-US" altLang="ja-JP" sz="2000" dirty="0"/>
          </a:p>
          <a:p>
            <a:r>
              <a:rPr kumimoji="1" lang="ja-JP" altLang="en-US" sz="2000" dirty="0"/>
              <a:t>②モニタリングによる常時監視</a:t>
            </a:r>
            <a:endParaRPr kumimoji="1" lang="en-US" altLang="ja-JP" sz="2000" dirty="0"/>
          </a:p>
          <a:p>
            <a:r>
              <a:rPr kumimoji="1" lang="ja-JP" altLang="en-US" sz="2000" dirty="0"/>
              <a:t>③たわみ測定（１回</a:t>
            </a:r>
            <a:r>
              <a:rPr kumimoji="1" lang="en-US" altLang="ja-JP" sz="2000" dirty="0"/>
              <a:t>/</a:t>
            </a:r>
            <a:r>
              <a:rPr kumimoji="1" lang="ja-JP" altLang="en-US" sz="2000" dirty="0"/>
              <a:t>月）</a:t>
            </a:r>
            <a:endParaRPr kumimoji="1" lang="en-US" altLang="ja-JP" sz="2000" dirty="0"/>
          </a:p>
          <a:p>
            <a:r>
              <a:rPr kumimoji="1" lang="ja-JP" altLang="en-US" sz="2000" dirty="0"/>
              <a:t>④物性試験、詳細調査</a:t>
            </a:r>
            <a:endParaRPr kumimoji="1" lang="en-US" altLang="ja-JP" sz="2000" dirty="0"/>
          </a:p>
          <a:p>
            <a:r>
              <a:rPr kumimoji="1" lang="ja-JP" altLang="en-US" sz="2000" dirty="0"/>
              <a:t>⑤設計計算書のチェック⇒鉄筋量の不足</a:t>
            </a:r>
            <a:endParaRPr kumimoji="1" lang="en-US" altLang="ja-JP" sz="2000" dirty="0"/>
          </a:p>
          <a:p>
            <a:r>
              <a:rPr kumimoji="1" lang="ja-JP" altLang="en-US" sz="2000" dirty="0"/>
              <a:t>⑥を反映した解析</a:t>
            </a:r>
            <a:endParaRPr kumimoji="1" lang="en-US" altLang="ja-JP" sz="2000" dirty="0"/>
          </a:p>
          <a:p>
            <a:r>
              <a:rPr kumimoji="1" lang="ja-JP" altLang="en-US" sz="2000" dirty="0"/>
              <a:t>（２次元、３次元</a:t>
            </a:r>
            <a:r>
              <a:rPr kumimoji="1" lang="en-US" altLang="ja-JP" sz="2000" dirty="0"/>
              <a:t>FEM</a:t>
            </a:r>
            <a:r>
              <a:rPr kumimoji="1" lang="ja-JP" altLang="en-US" sz="2000" dirty="0"/>
              <a:t>　など）</a:t>
            </a:r>
            <a:endParaRPr kumimoji="1" lang="en-US" altLang="ja-JP" sz="2000" dirty="0"/>
          </a:p>
          <a:p>
            <a:r>
              <a:rPr kumimoji="1" lang="ja-JP" altLang="en-US" sz="2000" dirty="0"/>
              <a:t>⑦解析結果⇒常時で</a:t>
            </a:r>
            <a:r>
              <a:rPr kumimoji="1" lang="en-US" altLang="ja-JP" sz="2000" dirty="0"/>
              <a:t>out</a:t>
            </a:r>
            <a:r>
              <a:rPr kumimoji="1" lang="ja-JP" altLang="en-US" sz="2000" dirty="0"/>
              <a:t>　</a:t>
            </a:r>
            <a:endParaRPr kumimoji="1" lang="en-US" altLang="ja-JP" sz="2000" dirty="0"/>
          </a:p>
          <a:p>
            <a:r>
              <a:rPr kumimoji="1" lang="ja-JP" altLang="en-US" sz="2000" dirty="0"/>
              <a:t>⑧撤去の判断、協議（なかなか理解されず）</a:t>
            </a:r>
            <a:endParaRPr kumimoji="1" lang="en-US" altLang="ja-JP" sz="2000" dirty="0"/>
          </a:p>
          <a:p>
            <a:r>
              <a:rPr kumimoji="1" lang="ja-JP" altLang="en-US" sz="2000" dirty="0"/>
              <a:t>⑨撤去　昨年９月</a:t>
            </a:r>
          </a:p>
        </p:txBody>
      </p:sp>
      <p:sp>
        <p:nvSpPr>
          <p:cNvPr id="6" name="テキスト ボックス 5">
            <a:extLst>
              <a:ext uri="{FF2B5EF4-FFF2-40B4-BE49-F238E27FC236}">
                <a16:creationId xmlns:a16="http://schemas.microsoft.com/office/drawing/2014/main" id="{E09A0CCA-E31B-4E23-0A81-E6BCBC3F1DB8}"/>
              </a:ext>
            </a:extLst>
          </p:cNvPr>
          <p:cNvSpPr txBox="1"/>
          <p:nvPr/>
        </p:nvSpPr>
        <p:spPr>
          <a:xfrm>
            <a:off x="226873" y="5750004"/>
            <a:ext cx="3877985" cy="1107996"/>
          </a:xfrm>
          <a:prstGeom prst="rect">
            <a:avLst/>
          </a:prstGeom>
          <a:noFill/>
        </p:spPr>
        <p:txBody>
          <a:bodyPr wrap="none" rtlCol="0">
            <a:spAutoFit/>
          </a:bodyPr>
          <a:lstStyle/>
          <a:p>
            <a:r>
              <a:rPr kumimoji="1" lang="ja-JP" altLang="en-US" sz="2400" b="1" dirty="0">
                <a:solidFill>
                  <a:srgbClr val="FF0000"/>
                </a:solidFill>
              </a:rPr>
              <a:t>我々は事故を未然に防いで</a:t>
            </a:r>
            <a:endParaRPr kumimoji="1" lang="en-US" altLang="ja-JP" sz="2400" b="1" dirty="0">
              <a:solidFill>
                <a:srgbClr val="FF0000"/>
              </a:solidFill>
            </a:endParaRPr>
          </a:p>
          <a:p>
            <a:r>
              <a:rPr kumimoji="1" lang="ja-JP" altLang="en-US" sz="2400" b="1" dirty="0">
                <a:solidFill>
                  <a:srgbClr val="FF0000"/>
                </a:solidFill>
              </a:rPr>
              <a:t>当たり前！</a:t>
            </a:r>
            <a:endParaRPr kumimoji="1" lang="en-US" altLang="ja-JP" sz="2400" b="1" dirty="0">
              <a:solidFill>
                <a:srgbClr val="FF0000"/>
              </a:solidFill>
            </a:endParaRPr>
          </a:p>
          <a:p>
            <a:endParaRPr kumimoji="1" lang="ja-JP" altLang="en-US" dirty="0"/>
          </a:p>
        </p:txBody>
      </p:sp>
    </p:spTree>
    <p:extLst>
      <p:ext uri="{BB962C8B-B14F-4D97-AF65-F5344CB8AC3E}">
        <p14:creationId xmlns:p14="http://schemas.microsoft.com/office/powerpoint/2010/main" val="399396597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27982" y="441856"/>
            <a:ext cx="7935685" cy="686246"/>
          </a:xfrm>
          <a:prstGeom prst="rect">
            <a:avLst/>
          </a:prstGeom>
        </p:spPr>
        <p:txBody>
          <a:bodyPr vert="horz" wrap="square" lIns="0" tIns="9049" rIns="0" bIns="0" rtlCol="0" anchor="ctr">
            <a:spAutoFit/>
          </a:bodyPr>
          <a:lstStyle/>
          <a:p>
            <a:pPr marL="9525">
              <a:lnSpc>
                <a:spcPct val="100000"/>
              </a:lnSpc>
              <a:spcBef>
                <a:spcPts val="71"/>
              </a:spcBef>
            </a:pPr>
            <a:r>
              <a:rPr spc="-38" dirty="0"/>
              <a:t>下水道施設における硫酸劣化</a:t>
            </a:r>
          </a:p>
        </p:txBody>
      </p:sp>
      <p:grpSp>
        <p:nvGrpSpPr>
          <p:cNvPr id="3" name="object 3"/>
          <p:cNvGrpSpPr/>
          <p:nvPr/>
        </p:nvGrpSpPr>
        <p:grpSpPr>
          <a:xfrm>
            <a:off x="4686300" y="2171700"/>
            <a:ext cx="3009900" cy="3025616"/>
            <a:chOff x="6248400" y="1752600"/>
            <a:chExt cx="4013200" cy="4034154"/>
          </a:xfrm>
        </p:grpSpPr>
        <p:pic>
          <p:nvPicPr>
            <p:cNvPr id="4" name="object 4"/>
            <p:cNvPicPr/>
            <p:nvPr/>
          </p:nvPicPr>
          <p:blipFill>
            <a:blip r:embed="rId2" cstate="print"/>
            <a:stretch>
              <a:fillRect/>
            </a:stretch>
          </p:blipFill>
          <p:spPr>
            <a:xfrm>
              <a:off x="6261100" y="1752600"/>
              <a:ext cx="4000498" cy="2700324"/>
            </a:xfrm>
            <a:prstGeom prst="rect">
              <a:avLst/>
            </a:prstGeom>
          </p:spPr>
        </p:pic>
        <p:pic>
          <p:nvPicPr>
            <p:cNvPr id="5" name="object 5"/>
            <p:cNvPicPr/>
            <p:nvPr/>
          </p:nvPicPr>
          <p:blipFill>
            <a:blip r:embed="rId3" cstate="print"/>
            <a:stretch>
              <a:fillRect/>
            </a:stretch>
          </p:blipFill>
          <p:spPr>
            <a:xfrm>
              <a:off x="6248400" y="4449762"/>
              <a:ext cx="4000486" cy="1336674"/>
            </a:xfrm>
            <a:prstGeom prst="rect">
              <a:avLst/>
            </a:prstGeom>
          </p:spPr>
        </p:pic>
      </p:grpSp>
      <p:sp>
        <p:nvSpPr>
          <p:cNvPr id="6" name="object 6"/>
          <p:cNvSpPr txBox="1"/>
          <p:nvPr/>
        </p:nvSpPr>
        <p:spPr>
          <a:xfrm>
            <a:off x="5484589" y="1903857"/>
            <a:ext cx="1375886" cy="240931"/>
          </a:xfrm>
          <a:prstGeom prst="rect">
            <a:avLst/>
          </a:prstGeom>
        </p:spPr>
        <p:txBody>
          <a:bodyPr vert="horz" wrap="square" lIns="0" tIns="10001" rIns="0" bIns="0" rtlCol="0">
            <a:spAutoFit/>
          </a:bodyPr>
          <a:lstStyle/>
          <a:p>
            <a:pPr marL="28575">
              <a:spcBef>
                <a:spcPts val="79"/>
              </a:spcBef>
            </a:pPr>
            <a:r>
              <a:rPr sz="1500" spc="-8" dirty="0">
                <a:latin typeface="Times New Roman"/>
                <a:cs typeface="Times New Roman"/>
              </a:rPr>
              <a:t>H</a:t>
            </a:r>
            <a:r>
              <a:rPr sz="1463" spc="-11" baseline="-21367" dirty="0">
                <a:latin typeface="Times New Roman"/>
                <a:cs typeface="Times New Roman"/>
              </a:rPr>
              <a:t>2</a:t>
            </a:r>
            <a:r>
              <a:rPr sz="1500" spc="-8" dirty="0">
                <a:latin typeface="Times New Roman"/>
                <a:cs typeface="Times New Roman"/>
              </a:rPr>
              <a:t>S+O</a:t>
            </a:r>
            <a:r>
              <a:rPr sz="1463" spc="-11" baseline="-21367" dirty="0">
                <a:latin typeface="Times New Roman"/>
                <a:cs typeface="Times New Roman"/>
              </a:rPr>
              <a:t>2</a:t>
            </a:r>
            <a:r>
              <a:rPr sz="1500" spc="-8" dirty="0">
                <a:latin typeface="Times New Roman"/>
                <a:cs typeface="Times New Roman"/>
              </a:rPr>
              <a:t>→H</a:t>
            </a:r>
            <a:r>
              <a:rPr sz="1463" spc="-11" baseline="-21367" dirty="0">
                <a:latin typeface="Times New Roman"/>
                <a:cs typeface="Times New Roman"/>
              </a:rPr>
              <a:t>2</a:t>
            </a:r>
            <a:r>
              <a:rPr sz="1500" spc="-8" dirty="0">
                <a:latin typeface="Times New Roman"/>
                <a:cs typeface="Times New Roman"/>
              </a:rPr>
              <a:t>SO</a:t>
            </a:r>
            <a:r>
              <a:rPr sz="1463" spc="-11" baseline="-21367" dirty="0">
                <a:latin typeface="Times New Roman"/>
                <a:cs typeface="Times New Roman"/>
              </a:rPr>
              <a:t>4</a:t>
            </a:r>
            <a:endParaRPr sz="1463" baseline="-21367">
              <a:latin typeface="Times New Roman"/>
              <a:cs typeface="Times New Roman"/>
            </a:endParaRPr>
          </a:p>
        </p:txBody>
      </p:sp>
      <p:sp>
        <p:nvSpPr>
          <p:cNvPr id="7" name="object 7"/>
          <p:cNvSpPr/>
          <p:nvPr/>
        </p:nvSpPr>
        <p:spPr>
          <a:xfrm>
            <a:off x="6115050" y="1714501"/>
            <a:ext cx="161925" cy="247650"/>
          </a:xfrm>
          <a:custGeom>
            <a:avLst/>
            <a:gdLst/>
            <a:ahLst/>
            <a:cxnLst/>
            <a:rect l="l" t="t" r="r" b="b"/>
            <a:pathLst>
              <a:path w="215900" h="330200">
                <a:moveTo>
                  <a:pt x="0" y="247650"/>
                </a:moveTo>
                <a:lnTo>
                  <a:pt x="53975" y="247650"/>
                </a:lnTo>
                <a:lnTo>
                  <a:pt x="53975" y="0"/>
                </a:lnTo>
                <a:lnTo>
                  <a:pt x="161925" y="0"/>
                </a:lnTo>
                <a:lnTo>
                  <a:pt x="161925" y="247650"/>
                </a:lnTo>
                <a:lnTo>
                  <a:pt x="215900" y="247650"/>
                </a:lnTo>
                <a:lnTo>
                  <a:pt x="107950" y="330200"/>
                </a:lnTo>
                <a:lnTo>
                  <a:pt x="0" y="247650"/>
                </a:lnTo>
                <a:close/>
              </a:path>
            </a:pathLst>
          </a:custGeom>
          <a:ln w="19050">
            <a:solidFill>
              <a:srgbClr val="000000"/>
            </a:solidFill>
          </a:ln>
        </p:spPr>
        <p:txBody>
          <a:bodyPr wrap="square" lIns="0" tIns="0" rIns="0" bIns="0" rtlCol="0"/>
          <a:lstStyle/>
          <a:p>
            <a:endParaRPr sz="1350"/>
          </a:p>
        </p:txBody>
      </p:sp>
      <p:sp>
        <p:nvSpPr>
          <p:cNvPr id="8" name="object 8"/>
          <p:cNvSpPr txBox="1"/>
          <p:nvPr/>
        </p:nvSpPr>
        <p:spPr>
          <a:xfrm>
            <a:off x="5259705" y="5118402"/>
            <a:ext cx="1526858" cy="286617"/>
          </a:xfrm>
          <a:prstGeom prst="rect">
            <a:avLst/>
          </a:prstGeom>
        </p:spPr>
        <p:txBody>
          <a:bodyPr vert="horz" wrap="square" lIns="0" tIns="9525" rIns="0" bIns="0" rtlCol="0">
            <a:spAutoFit/>
          </a:bodyPr>
          <a:lstStyle/>
          <a:p>
            <a:pPr marL="9525">
              <a:spcBef>
                <a:spcPts val="75"/>
              </a:spcBef>
            </a:pPr>
            <a:r>
              <a:rPr sz="2700" b="1" spc="-11" baseline="-4629" dirty="0">
                <a:latin typeface="ＭＳ Ｐゴシック"/>
                <a:cs typeface="ＭＳ Ｐゴシック"/>
              </a:rPr>
              <a:t>① </a:t>
            </a:r>
            <a:r>
              <a:rPr sz="1350" b="1" spc="-15" dirty="0">
                <a:solidFill>
                  <a:srgbClr val="FF0000"/>
                </a:solidFill>
                <a:latin typeface="ＭＳ Ｐゴシック"/>
                <a:cs typeface="ＭＳ Ｐゴシック"/>
              </a:rPr>
              <a:t>硫酸塩還元反応</a:t>
            </a:r>
            <a:endParaRPr sz="1350">
              <a:latin typeface="ＭＳ Ｐゴシック"/>
              <a:cs typeface="ＭＳ Ｐゴシック"/>
            </a:endParaRPr>
          </a:p>
        </p:txBody>
      </p:sp>
      <p:sp>
        <p:nvSpPr>
          <p:cNvPr id="9" name="object 9"/>
          <p:cNvSpPr/>
          <p:nvPr/>
        </p:nvSpPr>
        <p:spPr>
          <a:xfrm>
            <a:off x="6067425" y="5429251"/>
            <a:ext cx="161925" cy="247650"/>
          </a:xfrm>
          <a:custGeom>
            <a:avLst/>
            <a:gdLst/>
            <a:ahLst/>
            <a:cxnLst/>
            <a:rect l="l" t="t" r="r" b="b"/>
            <a:pathLst>
              <a:path w="215900" h="330200">
                <a:moveTo>
                  <a:pt x="0" y="247650"/>
                </a:moveTo>
                <a:lnTo>
                  <a:pt x="53975" y="247650"/>
                </a:lnTo>
                <a:lnTo>
                  <a:pt x="53975" y="0"/>
                </a:lnTo>
                <a:lnTo>
                  <a:pt x="161925" y="0"/>
                </a:lnTo>
                <a:lnTo>
                  <a:pt x="161925" y="247650"/>
                </a:lnTo>
                <a:lnTo>
                  <a:pt x="215900" y="247650"/>
                </a:lnTo>
                <a:lnTo>
                  <a:pt x="107950" y="330200"/>
                </a:lnTo>
                <a:lnTo>
                  <a:pt x="0" y="247650"/>
                </a:lnTo>
                <a:close/>
              </a:path>
            </a:pathLst>
          </a:custGeom>
          <a:ln w="19050">
            <a:solidFill>
              <a:srgbClr val="000000"/>
            </a:solidFill>
          </a:ln>
        </p:spPr>
        <p:txBody>
          <a:bodyPr wrap="square" lIns="0" tIns="0" rIns="0" bIns="0" rtlCol="0"/>
          <a:lstStyle/>
          <a:p>
            <a:endParaRPr sz="1350"/>
          </a:p>
        </p:txBody>
      </p:sp>
      <p:sp>
        <p:nvSpPr>
          <p:cNvPr id="10" name="object 10"/>
          <p:cNvSpPr txBox="1"/>
          <p:nvPr/>
        </p:nvSpPr>
        <p:spPr>
          <a:xfrm>
            <a:off x="6825291" y="5625442"/>
            <a:ext cx="42386" cy="162545"/>
          </a:xfrm>
          <a:prstGeom prst="rect">
            <a:avLst/>
          </a:prstGeom>
        </p:spPr>
        <p:txBody>
          <a:bodyPr vert="horz" wrap="square" lIns="0" tIns="12383" rIns="0" bIns="0" rtlCol="0">
            <a:spAutoFit/>
          </a:bodyPr>
          <a:lstStyle/>
          <a:p>
            <a:pPr>
              <a:spcBef>
                <a:spcPts val="98"/>
              </a:spcBef>
            </a:pPr>
            <a:r>
              <a:rPr sz="975" spc="-38" dirty="0">
                <a:latin typeface="Times New Roman"/>
                <a:cs typeface="Times New Roman"/>
              </a:rPr>
              <a:t>-</a:t>
            </a:r>
            <a:endParaRPr sz="975">
              <a:latin typeface="Times New Roman"/>
              <a:cs typeface="Times New Roman"/>
            </a:endParaRPr>
          </a:p>
        </p:txBody>
      </p:sp>
      <p:sp>
        <p:nvSpPr>
          <p:cNvPr id="11" name="object 11"/>
          <p:cNvSpPr txBox="1"/>
          <p:nvPr/>
        </p:nvSpPr>
        <p:spPr>
          <a:xfrm>
            <a:off x="4766048" y="5618607"/>
            <a:ext cx="2536984" cy="240450"/>
          </a:xfrm>
          <a:prstGeom prst="rect">
            <a:avLst/>
          </a:prstGeom>
        </p:spPr>
        <p:txBody>
          <a:bodyPr vert="horz" wrap="square" lIns="0" tIns="9525" rIns="0" bIns="0" rtlCol="0">
            <a:spAutoFit/>
          </a:bodyPr>
          <a:lstStyle/>
          <a:p>
            <a:pPr marL="19050">
              <a:spcBef>
                <a:spcPts val="75"/>
              </a:spcBef>
            </a:pPr>
            <a:r>
              <a:rPr sz="1500" dirty="0">
                <a:latin typeface="Times New Roman"/>
                <a:cs typeface="Times New Roman"/>
              </a:rPr>
              <a:t>SO</a:t>
            </a:r>
            <a:r>
              <a:rPr sz="1463" baseline="-21367" dirty="0">
                <a:latin typeface="Times New Roman"/>
                <a:cs typeface="Times New Roman"/>
              </a:rPr>
              <a:t>4</a:t>
            </a:r>
            <a:r>
              <a:rPr sz="1463" baseline="25641" dirty="0">
                <a:latin typeface="Times New Roman"/>
                <a:cs typeface="Times New Roman"/>
              </a:rPr>
              <a:t>2-</a:t>
            </a:r>
            <a:r>
              <a:rPr sz="1500" dirty="0">
                <a:latin typeface="Times New Roman"/>
                <a:cs typeface="Times New Roman"/>
              </a:rPr>
              <a:t>+2C+2H</a:t>
            </a:r>
            <a:r>
              <a:rPr sz="1463" baseline="-21367" dirty="0">
                <a:latin typeface="Times New Roman"/>
                <a:cs typeface="Times New Roman"/>
              </a:rPr>
              <a:t>2</a:t>
            </a:r>
            <a:r>
              <a:rPr sz="1500" dirty="0">
                <a:latin typeface="Times New Roman"/>
                <a:cs typeface="Times New Roman"/>
              </a:rPr>
              <a:t>O→2HCO</a:t>
            </a:r>
            <a:r>
              <a:rPr sz="1463" baseline="-21367" dirty="0">
                <a:latin typeface="Times New Roman"/>
                <a:cs typeface="Times New Roman"/>
              </a:rPr>
              <a:t>3</a:t>
            </a:r>
            <a:r>
              <a:rPr sz="1463" spc="45" baseline="-21367" dirty="0">
                <a:latin typeface="Times New Roman"/>
                <a:cs typeface="Times New Roman"/>
              </a:rPr>
              <a:t> </a:t>
            </a:r>
            <a:r>
              <a:rPr sz="1500" spc="-15" dirty="0">
                <a:latin typeface="Times New Roman"/>
                <a:cs typeface="Times New Roman"/>
              </a:rPr>
              <a:t>+H</a:t>
            </a:r>
            <a:r>
              <a:rPr sz="1463" spc="-23" baseline="-21367" dirty="0">
                <a:latin typeface="Times New Roman"/>
                <a:cs typeface="Times New Roman"/>
              </a:rPr>
              <a:t>2</a:t>
            </a:r>
            <a:r>
              <a:rPr sz="1500" spc="-15" dirty="0">
                <a:latin typeface="Times New Roman"/>
                <a:cs typeface="Times New Roman"/>
              </a:rPr>
              <a:t>S</a:t>
            </a:r>
            <a:endParaRPr sz="1500">
              <a:latin typeface="Times New Roman"/>
              <a:cs typeface="Times New Roman"/>
            </a:endParaRPr>
          </a:p>
        </p:txBody>
      </p:sp>
      <p:grpSp>
        <p:nvGrpSpPr>
          <p:cNvPr id="12" name="object 12"/>
          <p:cNvGrpSpPr/>
          <p:nvPr/>
        </p:nvGrpSpPr>
        <p:grpSpPr>
          <a:xfrm>
            <a:off x="5486400" y="2138363"/>
            <a:ext cx="2290763" cy="1924050"/>
            <a:chOff x="7315200" y="1708150"/>
            <a:chExt cx="3054350" cy="2565400"/>
          </a:xfrm>
        </p:grpSpPr>
        <p:pic>
          <p:nvPicPr>
            <p:cNvPr id="13" name="object 13"/>
            <p:cNvPicPr/>
            <p:nvPr/>
          </p:nvPicPr>
          <p:blipFill>
            <a:blip r:embed="rId4" cstate="print"/>
            <a:stretch>
              <a:fillRect/>
            </a:stretch>
          </p:blipFill>
          <p:spPr>
            <a:xfrm>
              <a:off x="7315200" y="3657600"/>
              <a:ext cx="542924" cy="466724"/>
            </a:xfrm>
            <a:prstGeom prst="rect">
              <a:avLst/>
            </a:prstGeom>
          </p:spPr>
        </p:pic>
        <p:sp>
          <p:nvSpPr>
            <p:cNvPr id="14" name="object 14"/>
            <p:cNvSpPr/>
            <p:nvPr/>
          </p:nvSpPr>
          <p:spPr>
            <a:xfrm>
              <a:off x="9753600" y="3657600"/>
              <a:ext cx="609600" cy="609600"/>
            </a:xfrm>
            <a:custGeom>
              <a:avLst/>
              <a:gdLst/>
              <a:ahLst/>
              <a:cxnLst/>
              <a:rect l="l" t="t" r="r" b="b"/>
              <a:pathLst>
                <a:path w="609600" h="609600">
                  <a:moveTo>
                    <a:pt x="0" y="304800"/>
                  </a:moveTo>
                  <a:lnTo>
                    <a:pt x="3989" y="255359"/>
                  </a:lnTo>
                  <a:lnTo>
                    <a:pt x="15538" y="208458"/>
                  </a:lnTo>
                  <a:lnTo>
                    <a:pt x="34020" y="164725"/>
                  </a:lnTo>
                  <a:lnTo>
                    <a:pt x="58808" y="124788"/>
                  </a:lnTo>
                  <a:lnTo>
                    <a:pt x="89273" y="89273"/>
                  </a:lnTo>
                  <a:lnTo>
                    <a:pt x="124788" y="58808"/>
                  </a:lnTo>
                  <a:lnTo>
                    <a:pt x="164725" y="34020"/>
                  </a:lnTo>
                  <a:lnTo>
                    <a:pt x="208458" y="15538"/>
                  </a:lnTo>
                  <a:lnTo>
                    <a:pt x="255359" y="3989"/>
                  </a:lnTo>
                  <a:lnTo>
                    <a:pt x="304800" y="0"/>
                  </a:lnTo>
                  <a:lnTo>
                    <a:pt x="354240" y="3989"/>
                  </a:lnTo>
                  <a:lnTo>
                    <a:pt x="401141" y="15538"/>
                  </a:lnTo>
                  <a:lnTo>
                    <a:pt x="444874" y="34020"/>
                  </a:lnTo>
                  <a:lnTo>
                    <a:pt x="484811" y="58808"/>
                  </a:lnTo>
                  <a:lnTo>
                    <a:pt x="520326" y="89273"/>
                  </a:lnTo>
                  <a:lnTo>
                    <a:pt x="550791" y="124788"/>
                  </a:lnTo>
                  <a:lnTo>
                    <a:pt x="575579" y="164725"/>
                  </a:lnTo>
                  <a:lnTo>
                    <a:pt x="594061" y="208458"/>
                  </a:lnTo>
                  <a:lnTo>
                    <a:pt x="605610" y="255359"/>
                  </a:lnTo>
                  <a:lnTo>
                    <a:pt x="609600" y="304800"/>
                  </a:lnTo>
                  <a:lnTo>
                    <a:pt x="605610" y="354240"/>
                  </a:lnTo>
                  <a:lnTo>
                    <a:pt x="594061" y="401141"/>
                  </a:lnTo>
                  <a:lnTo>
                    <a:pt x="575579" y="444874"/>
                  </a:lnTo>
                  <a:lnTo>
                    <a:pt x="550791" y="484811"/>
                  </a:lnTo>
                  <a:lnTo>
                    <a:pt x="520326" y="520326"/>
                  </a:lnTo>
                  <a:lnTo>
                    <a:pt x="484811" y="550791"/>
                  </a:lnTo>
                  <a:lnTo>
                    <a:pt x="444874" y="575579"/>
                  </a:lnTo>
                  <a:lnTo>
                    <a:pt x="401141" y="594061"/>
                  </a:lnTo>
                  <a:lnTo>
                    <a:pt x="354240" y="605610"/>
                  </a:lnTo>
                  <a:lnTo>
                    <a:pt x="304800" y="609600"/>
                  </a:lnTo>
                  <a:lnTo>
                    <a:pt x="255359" y="605610"/>
                  </a:lnTo>
                  <a:lnTo>
                    <a:pt x="208458" y="594061"/>
                  </a:lnTo>
                  <a:lnTo>
                    <a:pt x="164725" y="575579"/>
                  </a:lnTo>
                  <a:lnTo>
                    <a:pt x="124788" y="550791"/>
                  </a:lnTo>
                  <a:lnTo>
                    <a:pt x="89273" y="520326"/>
                  </a:lnTo>
                  <a:lnTo>
                    <a:pt x="58808" y="484811"/>
                  </a:lnTo>
                  <a:lnTo>
                    <a:pt x="34020" y="444874"/>
                  </a:lnTo>
                  <a:lnTo>
                    <a:pt x="15538" y="401141"/>
                  </a:lnTo>
                  <a:lnTo>
                    <a:pt x="3989" y="354240"/>
                  </a:lnTo>
                  <a:lnTo>
                    <a:pt x="0" y="304800"/>
                  </a:lnTo>
                  <a:close/>
                </a:path>
              </a:pathLst>
            </a:custGeom>
            <a:ln w="12700">
              <a:solidFill>
                <a:srgbClr val="0000FF"/>
              </a:solidFill>
            </a:ln>
          </p:spPr>
          <p:txBody>
            <a:bodyPr wrap="square" lIns="0" tIns="0" rIns="0" bIns="0" rtlCol="0"/>
            <a:lstStyle/>
            <a:p>
              <a:endParaRPr sz="1350"/>
            </a:p>
          </p:txBody>
        </p:sp>
        <p:sp>
          <p:nvSpPr>
            <p:cNvPr id="15" name="object 15"/>
            <p:cNvSpPr/>
            <p:nvPr/>
          </p:nvSpPr>
          <p:spPr>
            <a:xfrm>
              <a:off x="8991600" y="1981200"/>
              <a:ext cx="609600" cy="609600"/>
            </a:xfrm>
            <a:custGeom>
              <a:avLst/>
              <a:gdLst/>
              <a:ahLst/>
              <a:cxnLst/>
              <a:rect l="l" t="t" r="r" b="b"/>
              <a:pathLst>
                <a:path w="609600" h="609600">
                  <a:moveTo>
                    <a:pt x="0" y="304800"/>
                  </a:moveTo>
                  <a:lnTo>
                    <a:pt x="3989" y="255359"/>
                  </a:lnTo>
                  <a:lnTo>
                    <a:pt x="15538" y="208458"/>
                  </a:lnTo>
                  <a:lnTo>
                    <a:pt x="34020" y="164725"/>
                  </a:lnTo>
                  <a:lnTo>
                    <a:pt x="58808" y="124788"/>
                  </a:lnTo>
                  <a:lnTo>
                    <a:pt x="89273" y="89273"/>
                  </a:lnTo>
                  <a:lnTo>
                    <a:pt x="124788" y="58808"/>
                  </a:lnTo>
                  <a:lnTo>
                    <a:pt x="164725" y="34020"/>
                  </a:lnTo>
                  <a:lnTo>
                    <a:pt x="208458" y="15538"/>
                  </a:lnTo>
                  <a:lnTo>
                    <a:pt x="255359" y="3989"/>
                  </a:lnTo>
                  <a:lnTo>
                    <a:pt x="304800" y="0"/>
                  </a:lnTo>
                  <a:lnTo>
                    <a:pt x="354240" y="3989"/>
                  </a:lnTo>
                  <a:lnTo>
                    <a:pt x="401141" y="15538"/>
                  </a:lnTo>
                  <a:lnTo>
                    <a:pt x="444874" y="34020"/>
                  </a:lnTo>
                  <a:lnTo>
                    <a:pt x="484811" y="58808"/>
                  </a:lnTo>
                  <a:lnTo>
                    <a:pt x="520326" y="89273"/>
                  </a:lnTo>
                  <a:lnTo>
                    <a:pt x="550791" y="124788"/>
                  </a:lnTo>
                  <a:lnTo>
                    <a:pt x="575579" y="164725"/>
                  </a:lnTo>
                  <a:lnTo>
                    <a:pt x="594061" y="208458"/>
                  </a:lnTo>
                  <a:lnTo>
                    <a:pt x="605610" y="255359"/>
                  </a:lnTo>
                  <a:lnTo>
                    <a:pt x="609600" y="304800"/>
                  </a:lnTo>
                  <a:lnTo>
                    <a:pt x="605610" y="354240"/>
                  </a:lnTo>
                  <a:lnTo>
                    <a:pt x="594061" y="401141"/>
                  </a:lnTo>
                  <a:lnTo>
                    <a:pt x="575579" y="444874"/>
                  </a:lnTo>
                  <a:lnTo>
                    <a:pt x="550791" y="484811"/>
                  </a:lnTo>
                  <a:lnTo>
                    <a:pt x="520326" y="520326"/>
                  </a:lnTo>
                  <a:lnTo>
                    <a:pt x="484811" y="550791"/>
                  </a:lnTo>
                  <a:lnTo>
                    <a:pt x="444874" y="575579"/>
                  </a:lnTo>
                  <a:lnTo>
                    <a:pt x="401141" y="594061"/>
                  </a:lnTo>
                  <a:lnTo>
                    <a:pt x="354240" y="605610"/>
                  </a:lnTo>
                  <a:lnTo>
                    <a:pt x="304800" y="609600"/>
                  </a:lnTo>
                  <a:lnTo>
                    <a:pt x="255359" y="605610"/>
                  </a:lnTo>
                  <a:lnTo>
                    <a:pt x="208458" y="594061"/>
                  </a:lnTo>
                  <a:lnTo>
                    <a:pt x="164725" y="575579"/>
                  </a:lnTo>
                  <a:lnTo>
                    <a:pt x="124788" y="550791"/>
                  </a:lnTo>
                  <a:lnTo>
                    <a:pt x="89273" y="520326"/>
                  </a:lnTo>
                  <a:lnTo>
                    <a:pt x="58808" y="484811"/>
                  </a:lnTo>
                  <a:lnTo>
                    <a:pt x="34020" y="444874"/>
                  </a:lnTo>
                  <a:lnTo>
                    <a:pt x="15538" y="401141"/>
                  </a:lnTo>
                  <a:lnTo>
                    <a:pt x="3989" y="354240"/>
                  </a:lnTo>
                  <a:lnTo>
                    <a:pt x="0" y="304800"/>
                  </a:lnTo>
                  <a:close/>
                </a:path>
              </a:pathLst>
            </a:custGeom>
            <a:ln w="12700">
              <a:solidFill>
                <a:srgbClr val="0000FF"/>
              </a:solidFill>
            </a:ln>
          </p:spPr>
          <p:txBody>
            <a:bodyPr wrap="square" lIns="0" tIns="0" rIns="0" bIns="0" rtlCol="0"/>
            <a:lstStyle/>
            <a:p>
              <a:endParaRPr sz="1350"/>
            </a:p>
          </p:txBody>
        </p:sp>
        <p:sp>
          <p:nvSpPr>
            <p:cNvPr id="16" name="object 16"/>
            <p:cNvSpPr/>
            <p:nvPr/>
          </p:nvSpPr>
          <p:spPr>
            <a:xfrm>
              <a:off x="10210800" y="2908300"/>
              <a:ext cx="152400" cy="1028700"/>
            </a:xfrm>
            <a:custGeom>
              <a:avLst/>
              <a:gdLst/>
              <a:ahLst/>
              <a:cxnLst/>
              <a:rect l="l" t="t" r="r" b="b"/>
              <a:pathLst>
                <a:path w="152400" h="1028700">
                  <a:moveTo>
                    <a:pt x="152400" y="1028700"/>
                  </a:moveTo>
                  <a:lnTo>
                    <a:pt x="0" y="0"/>
                  </a:lnTo>
                </a:path>
              </a:pathLst>
            </a:custGeom>
            <a:ln w="12700">
              <a:solidFill>
                <a:srgbClr val="0000FF"/>
              </a:solidFill>
            </a:ln>
          </p:spPr>
          <p:txBody>
            <a:bodyPr wrap="square" lIns="0" tIns="0" rIns="0" bIns="0" rtlCol="0"/>
            <a:lstStyle/>
            <a:p>
              <a:endParaRPr sz="1350"/>
            </a:p>
          </p:txBody>
        </p:sp>
        <p:sp>
          <p:nvSpPr>
            <p:cNvPr id="17" name="object 17"/>
            <p:cNvSpPr/>
            <p:nvPr/>
          </p:nvSpPr>
          <p:spPr>
            <a:xfrm>
              <a:off x="9766300" y="2882900"/>
              <a:ext cx="419100" cy="939800"/>
            </a:xfrm>
            <a:custGeom>
              <a:avLst/>
              <a:gdLst/>
              <a:ahLst/>
              <a:cxnLst/>
              <a:rect l="l" t="t" r="r" b="b"/>
              <a:pathLst>
                <a:path w="419100" h="939800">
                  <a:moveTo>
                    <a:pt x="0" y="939800"/>
                  </a:moveTo>
                  <a:lnTo>
                    <a:pt x="419100" y="0"/>
                  </a:lnTo>
                </a:path>
              </a:pathLst>
            </a:custGeom>
            <a:ln w="12700">
              <a:solidFill>
                <a:srgbClr val="0000FF"/>
              </a:solidFill>
            </a:ln>
          </p:spPr>
          <p:txBody>
            <a:bodyPr wrap="square" lIns="0" tIns="0" rIns="0" bIns="0" rtlCol="0"/>
            <a:lstStyle/>
            <a:p>
              <a:endParaRPr sz="1350"/>
            </a:p>
          </p:txBody>
        </p:sp>
        <p:sp>
          <p:nvSpPr>
            <p:cNvPr id="18" name="object 18"/>
            <p:cNvSpPr/>
            <p:nvPr/>
          </p:nvSpPr>
          <p:spPr>
            <a:xfrm>
              <a:off x="9182100" y="1714500"/>
              <a:ext cx="800100" cy="279400"/>
            </a:xfrm>
            <a:custGeom>
              <a:avLst/>
              <a:gdLst/>
              <a:ahLst/>
              <a:cxnLst/>
              <a:rect l="l" t="t" r="r" b="b"/>
              <a:pathLst>
                <a:path w="800100" h="279400">
                  <a:moveTo>
                    <a:pt x="0" y="279400"/>
                  </a:moveTo>
                  <a:lnTo>
                    <a:pt x="800100" y="0"/>
                  </a:lnTo>
                </a:path>
              </a:pathLst>
            </a:custGeom>
            <a:ln w="12700">
              <a:solidFill>
                <a:srgbClr val="0000FF"/>
              </a:solidFill>
            </a:ln>
          </p:spPr>
          <p:txBody>
            <a:bodyPr wrap="square" lIns="0" tIns="0" rIns="0" bIns="0" rtlCol="0"/>
            <a:lstStyle/>
            <a:p>
              <a:endParaRPr sz="1350"/>
            </a:p>
          </p:txBody>
        </p:sp>
        <p:sp>
          <p:nvSpPr>
            <p:cNvPr id="19" name="object 19"/>
            <p:cNvSpPr/>
            <p:nvPr/>
          </p:nvSpPr>
          <p:spPr>
            <a:xfrm>
              <a:off x="9550398" y="1727200"/>
              <a:ext cx="406400" cy="723900"/>
            </a:xfrm>
            <a:custGeom>
              <a:avLst/>
              <a:gdLst/>
              <a:ahLst/>
              <a:cxnLst/>
              <a:rect l="l" t="t" r="r" b="b"/>
              <a:pathLst>
                <a:path w="406400" h="723900">
                  <a:moveTo>
                    <a:pt x="0" y="723900"/>
                  </a:moveTo>
                  <a:lnTo>
                    <a:pt x="406400" y="0"/>
                  </a:lnTo>
                </a:path>
              </a:pathLst>
            </a:custGeom>
            <a:ln w="12700">
              <a:solidFill>
                <a:srgbClr val="0000FF"/>
              </a:solidFill>
            </a:ln>
          </p:spPr>
          <p:txBody>
            <a:bodyPr wrap="square" lIns="0" tIns="0" rIns="0" bIns="0" rtlCol="0"/>
            <a:lstStyle/>
            <a:p>
              <a:endParaRPr sz="1350"/>
            </a:p>
          </p:txBody>
        </p:sp>
      </p:grpSp>
      <p:sp>
        <p:nvSpPr>
          <p:cNvPr id="20" name="object 20"/>
          <p:cNvSpPr txBox="1"/>
          <p:nvPr/>
        </p:nvSpPr>
        <p:spPr>
          <a:xfrm>
            <a:off x="5421630" y="1421511"/>
            <a:ext cx="1373029" cy="286617"/>
          </a:xfrm>
          <a:prstGeom prst="rect">
            <a:avLst/>
          </a:prstGeom>
        </p:spPr>
        <p:txBody>
          <a:bodyPr vert="horz" wrap="square" lIns="0" tIns="9525" rIns="0" bIns="0" rtlCol="0">
            <a:spAutoFit/>
          </a:bodyPr>
          <a:lstStyle/>
          <a:p>
            <a:pPr marL="19050">
              <a:spcBef>
                <a:spcPts val="75"/>
              </a:spcBef>
            </a:pPr>
            <a:r>
              <a:rPr sz="2700" b="1" spc="-11" baseline="-6944" dirty="0">
                <a:latin typeface="ＭＳ Ｐゴシック"/>
                <a:cs typeface="ＭＳ Ｐゴシック"/>
              </a:rPr>
              <a:t>③ </a:t>
            </a:r>
            <a:r>
              <a:rPr sz="1350" b="1" spc="-15" dirty="0">
                <a:latin typeface="ＭＳ Ｐゴシック"/>
                <a:cs typeface="ＭＳ Ｐゴシック"/>
              </a:rPr>
              <a:t>硫黄酸化反応</a:t>
            </a:r>
            <a:endParaRPr sz="1350">
              <a:latin typeface="ＭＳ Ｐゴシック"/>
              <a:cs typeface="ＭＳ Ｐゴシック"/>
            </a:endParaRPr>
          </a:p>
        </p:txBody>
      </p:sp>
      <p:sp>
        <p:nvSpPr>
          <p:cNvPr id="21" name="object 21"/>
          <p:cNvSpPr txBox="1"/>
          <p:nvPr/>
        </p:nvSpPr>
        <p:spPr>
          <a:xfrm>
            <a:off x="7463552" y="1506093"/>
            <a:ext cx="247650" cy="286617"/>
          </a:xfrm>
          <a:prstGeom prst="rect">
            <a:avLst/>
          </a:prstGeom>
        </p:spPr>
        <p:txBody>
          <a:bodyPr vert="horz" wrap="square" lIns="0" tIns="9525" rIns="0" bIns="0" rtlCol="0">
            <a:spAutoFit/>
          </a:bodyPr>
          <a:lstStyle/>
          <a:p>
            <a:pPr marL="9525">
              <a:spcBef>
                <a:spcPts val="75"/>
              </a:spcBef>
            </a:pPr>
            <a:r>
              <a:rPr b="1" spc="-38" dirty="0">
                <a:latin typeface="ＭＳ Ｐゴシック"/>
                <a:cs typeface="ＭＳ Ｐゴシック"/>
              </a:rPr>
              <a:t>④</a:t>
            </a:r>
            <a:endParaRPr>
              <a:latin typeface="ＭＳ Ｐゴシック"/>
              <a:cs typeface="ＭＳ Ｐゴシック"/>
            </a:endParaRPr>
          </a:p>
        </p:txBody>
      </p:sp>
      <p:sp>
        <p:nvSpPr>
          <p:cNvPr id="22" name="object 22"/>
          <p:cNvSpPr txBox="1"/>
          <p:nvPr/>
        </p:nvSpPr>
        <p:spPr>
          <a:xfrm>
            <a:off x="7541006" y="1796415"/>
            <a:ext cx="153183" cy="1181576"/>
          </a:xfrm>
          <a:prstGeom prst="rect">
            <a:avLst/>
          </a:prstGeom>
        </p:spPr>
        <p:txBody>
          <a:bodyPr vert="eaVert" wrap="square" lIns="0" tIns="0" rIns="0" bIns="0" rtlCol="0">
            <a:spAutoFit/>
          </a:bodyPr>
          <a:lstStyle/>
          <a:p>
            <a:pPr marL="9525">
              <a:lnSpc>
                <a:spcPct val="65000"/>
              </a:lnSpc>
            </a:pPr>
            <a:r>
              <a:rPr sz="1350" b="1" spc="-11" dirty="0">
                <a:solidFill>
                  <a:srgbClr val="0000FF"/>
                </a:solidFill>
                <a:latin typeface="ＭＳ Ｐゴシック"/>
                <a:cs typeface="ＭＳ Ｐゴシック"/>
              </a:rPr>
              <a:t>硫酸</a:t>
            </a:r>
            <a:r>
              <a:rPr sz="1350" b="1" spc="-172" dirty="0">
                <a:solidFill>
                  <a:srgbClr val="0000FF"/>
                </a:solidFill>
                <a:latin typeface="ＭＳ Ｐゴシック"/>
                <a:cs typeface="ＭＳ Ｐゴシック"/>
              </a:rPr>
              <a:t>に</a:t>
            </a:r>
            <a:r>
              <a:rPr sz="1350" b="1" spc="-75" dirty="0">
                <a:solidFill>
                  <a:srgbClr val="0000FF"/>
                </a:solidFill>
                <a:latin typeface="ＭＳ Ｐゴシック"/>
                <a:cs typeface="ＭＳ Ｐゴシック"/>
              </a:rPr>
              <a:t>よ</a:t>
            </a:r>
            <a:r>
              <a:rPr sz="1350" b="1" spc="-19" dirty="0">
                <a:solidFill>
                  <a:srgbClr val="0000FF"/>
                </a:solidFill>
                <a:latin typeface="ＭＳ Ｐゴシック"/>
                <a:cs typeface="ＭＳ Ｐゴシック"/>
              </a:rPr>
              <a:t>る腐</a:t>
            </a:r>
            <a:r>
              <a:rPr sz="1350" b="1" dirty="0">
                <a:solidFill>
                  <a:srgbClr val="0000FF"/>
                </a:solidFill>
                <a:latin typeface="ＭＳ Ｐゴシック"/>
                <a:cs typeface="ＭＳ Ｐゴシック"/>
              </a:rPr>
              <a:t>食</a:t>
            </a:r>
            <a:endParaRPr sz="1350">
              <a:latin typeface="ＭＳ Ｐゴシック"/>
              <a:cs typeface="ＭＳ Ｐゴシック"/>
            </a:endParaRPr>
          </a:p>
        </p:txBody>
      </p:sp>
      <p:pic>
        <p:nvPicPr>
          <p:cNvPr id="23" name="object 23"/>
          <p:cNvPicPr/>
          <p:nvPr/>
        </p:nvPicPr>
        <p:blipFill>
          <a:blip r:embed="rId5" cstate="print"/>
          <a:stretch>
            <a:fillRect/>
          </a:stretch>
        </p:blipFill>
        <p:spPr>
          <a:xfrm>
            <a:off x="1371601" y="2171701"/>
            <a:ext cx="3200399" cy="2400299"/>
          </a:xfrm>
          <a:prstGeom prst="rect">
            <a:avLst/>
          </a:prstGeom>
        </p:spPr>
      </p:pic>
      <p:sp>
        <p:nvSpPr>
          <p:cNvPr id="24" name="object 24"/>
          <p:cNvSpPr txBox="1"/>
          <p:nvPr/>
        </p:nvSpPr>
        <p:spPr>
          <a:xfrm>
            <a:off x="1487804" y="4764786"/>
            <a:ext cx="2481263" cy="193803"/>
          </a:xfrm>
          <a:prstGeom prst="rect">
            <a:avLst/>
          </a:prstGeom>
        </p:spPr>
        <p:txBody>
          <a:bodyPr vert="horz" wrap="square" lIns="0" tIns="9049" rIns="0" bIns="0" rtlCol="0">
            <a:spAutoFit/>
          </a:bodyPr>
          <a:lstStyle/>
          <a:p>
            <a:pPr marL="9525">
              <a:spcBef>
                <a:spcPts val="71"/>
              </a:spcBef>
              <a:tabLst>
                <a:tab pos="1711166" algn="l"/>
              </a:tabLst>
            </a:pPr>
            <a:r>
              <a:rPr sz="1200" spc="-19" dirty="0">
                <a:latin typeface="ＭＳ Ｐゴシック"/>
                <a:cs typeface="ＭＳ Ｐゴシック"/>
              </a:rPr>
              <a:t>資料提供</a:t>
            </a:r>
            <a:r>
              <a:rPr sz="1200" spc="-8" dirty="0">
                <a:latin typeface="ＭＳ Ｐゴシック"/>
                <a:cs typeface="ＭＳ Ｐゴシック"/>
              </a:rPr>
              <a:t>：</a:t>
            </a:r>
            <a:r>
              <a:rPr sz="1200" spc="-19" dirty="0">
                <a:latin typeface="ＭＳ Ｐゴシック"/>
                <a:cs typeface="ＭＳ Ｐゴシック"/>
              </a:rPr>
              <a:t>八戸工業大</a:t>
            </a:r>
            <a:r>
              <a:rPr sz="1200" spc="-38" dirty="0">
                <a:latin typeface="ＭＳ Ｐゴシック"/>
                <a:cs typeface="ＭＳ Ｐゴシック"/>
              </a:rPr>
              <a:t>学</a:t>
            </a:r>
            <a:r>
              <a:rPr sz="1200" dirty="0">
                <a:latin typeface="ＭＳ Ｐゴシック"/>
                <a:cs typeface="ＭＳ Ｐゴシック"/>
              </a:rPr>
              <a:t>	</a:t>
            </a:r>
            <a:r>
              <a:rPr sz="1200" spc="-19" dirty="0">
                <a:latin typeface="ＭＳ Ｐゴシック"/>
                <a:cs typeface="ＭＳ Ｐゴシック"/>
              </a:rPr>
              <a:t>阿波稔先</a:t>
            </a:r>
            <a:r>
              <a:rPr sz="1200" spc="-38" dirty="0">
                <a:latin typeface="ＭＳ Ｐゴシック"/>
                <a:cs typeface="ＭＳ Ｐゴシック"/>
              </a:rPr>
              <a:t>生</a:t>
            </a:r>
            <a:endParaRPr sz="1200">
              <a:latin typeface="ＭＳ Ｐゴシック"/>
              <a:cs typeface="ＭＳ Ｐゴシック"/>
            </a:endParaRPr>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656545" y="338001"/>
            <a:ext cx="5915025" cy="686246"/>
          </a:xfrm>
          <a:prstGeom prst="rect">
            <a:avLst/>
          </a:prstGeom>
        </p:spPr>
        <p:txBody>
          <a:bodyPr vert="horz" wrap="square" lIns="0" tIns="9049" rIns="0" bIns="0" rtlCol="0" anchor="ctr">
            <a:spAutoFit/>
          </a:bodyPr>
          <a:lstStyle/>
          <a:p>
            <a:pPr marL="9525">
              <a:lnSpc>
                <a:spcPct val="100000"/>
              </a:lnSpc>
              <a:spcBef>
                <a:spcPts val="71"/>
              </a:spcBef>
            </a:pPr>
            <a:r>
              <a:rPr spc="-38" dirty="0"/>
              <a:t>硫酸による劣化の特徴</a:t>
            </a:r>
          </a:p>
        </p:txBody>
      </p:sp>
      <p:sp>
        <p:nvSpPr>
          <p:cNvPr id="3" name="object 3"/>
          <p:cNvSpPr txBox="1"/>
          <p:nvPr/>
        </p:nvSpPr>
        <p:spPr>
          <a:xfrm>
            <a:off x="511628" y="1247072"/>
            <a:ext cx="7848600" cy="4363855"/>
          </a:xfrm>
          <a:prstGeom prst="rect">
            <a:avLst/>
          </a:prstGeom>
        </p:spPr>
        <p:txBody>
          <a:bodyPr vert="horz" wrap="square" lIns="0" tIns="93821" rIns="0" bIns="0" rtlCol="0">
            <a:spAutoFit/>
          </a:bodyPr>
          <a:lstStyle/>
          <a:p>
            <a:pPr marL="266224" indent="-256699">
              <a:spcBef>
                <a:spcPts val="739"/>
              </a:spcBef>
              <a:buFont typeface="Arial"/>
              <a:buChar char="•"/>
              <a:tabLst>
                <a:tab pos="266224" algn="l"/>
              </a:tabLst>
            </a:pPr>
            <a:r>
              <a:rPr sz="2400" spc="-26" dirty="0">
                <a:latin typeface="ＭＳ Ｐゴシック"/>
                <a:cs typeface="ＭＳ Ｐゴシック"/>
              </a:rPr>
              <a:t>劣化指標：侵食深さ，中性化深さ，</a:t>
            </a:r>
            <a:r>
              <a:rPr sz="2400" spc="-15" dirty="0">
                <a:latin typeface="ＭＳ Ｐゴシック"/>
                <a:cs typeface="ＭＳ Ｐゴシック"/>
              </a:rPr>
              <a:t>（</a:t>
            </a:r>
            <a:r>
              <a:rPr sz="2400" spc="-26" dirty="0">
                <a:latin typeface="ＭＳ Ｐゴシック"/>
                <a:cs typeface="ＭＳ Ｐゴシック"/>
              </a:rPr>
              <a:t>強度低下域</a:t>
            </a:r>
            <a:r>
              <a:rPr sz="2400" spc="-38" dirty="0">
                <a:latin typeface="ＭＳ Ｐゴシック"/>
                <a:cs typeface="ＭＳ Ｐゴシック"/>
              </a:rPr>
              <a:t>）</a:t>
            </a:r>
            <a:endParaRPr sz="2400" dirty="0">
              <a:latin typeface="ＭＳ Ｐゴシック"/>
              <a:cs typeface="ＭＳ Ｐゴシック"/>
            </a:endParaRPr>
          </a:p>
          <a:p>
            <a:pPr marL="266700" marR="183356" indent="-257175">
              <a:lnSpc>
                <a:spcPts val="2355"/>
              </a:lnSpc>
              <a:spcBef>
                <a:spcPts val="885"/>
              </a:spcBef>
              <a:buFont typeface="Arial"/>
              <a:buChar char="•"/>
              <a:tabLst>
                <a:tab pos="266700" algn="l"/>
              </a:tabLst>
            </a:pPr>
            <a:r>
              <a:rPr sz="2400" spc="-30" dirty="0">
                <a:latin typeface="ＭＳ Ｐゴシック"/>
                <a:cs typeface="ＭＳ Ｐゴシック"/>
              </a:rPr>
              <a:t>劣化に影響を及ぼす要因</a:t>
            </a:r>
            <a:r>
              <a:rPr sz="2400" spc="-8" dirty="0">
                <a:latin typeface="ＭＳ Ｐゴシック"/>
                <a:cs typeface="ＭＳ Ｐゴシック"/>
              </a:rPr>
              <a:t>（</a:t>
            </a:r>
            <a:r>
              <a:rPr sz="2400" spc="-30" dirty="0">
                <a:latin typeface="ＭＳ Ｐゴシック"/>
                <a:cs typeface="ＭＳ Ｐゴシック"/>
              </a:rPr>
              <a:t>侵食作用と浸透作用のバランスで説明可能</a:t>
            </a:r>
            <a:r>
              <a:rPr sz="2400" spc="-38" dirty="0">
                <a:latin typeface="ＭＳ Ｐゴシック"/>
                <a:cs typeface="ＭＳ Ｐゴシック"/>
              </a:rPr>
              <a:t>）</a:t>
            </a:r>
            <a:endParaRPr sz="2400" dirty="0">
              <a:latin typeface="ＭＳ Ｐゴシック"/>
              <a:cs typeface="ＭＳ Ｐゴシック"/>
            </a:endParaRPr>
          </a:p>
          <a:p>
            <a:pPr marL="266700" marR="97154" indent="-257651">
              <a:spcBef>
                <a:spcPts val="454"/>
              </a:spcBef>
              <a:buFont typeface="Arial"/>
              <a:buChar char="•"/>
              <a:tabLst>
                <a:tab pos="266700" algn="l"/>
                <a:tab pos="4710589" algn="l"/>
              </a:tabLst>
            </a:pPr>
            <a:r>
              <a:rPr sz="2400" u="heavy" spc="-26" dirty="0">
                <a:uFill>
                  <a:solidFill>
                    <a:srgbClr val="000000"/>
                  </a:solidFill>
                </a:uFill>
                <a:latin typeface="ＭＳ Ｐゴシック"/>
                <a:cs typeface="ＭＳ Ｐゴシック"/>
              </a:rPr>
              <a:t>硫酸濃度</a:t>
            </a:r>
            <a:r>
              <a:rPr sz="2400" spc="-8" dirty="0">
                <a:latin typeface="ＭＳ Ｐゴシック"/>
                <a:cs typeface="ＭＳ Ｐゴシック"/>
              </a:rPr>
              <a:t>：</a:t>
            </a:r>
            <a:r>
              <a:rPr sz="2400" spc="-30" dirty="0">
                <a:latin typeface="ＭＳ Ｐゴシック"/>
                <a:cs typeface="ＭＳ Ｐゴシック"/>
              </a:rPr>
              <a:t>硫酸濃度が高い</a:t>
            </a:r>
            <a:r>
              <a:rPr sz="2400" spc="-26" dirty="0">
                <a:latin typeface="ＭＳ Ｐゴシック"/>
                <a:cs typeface="ＭＳ Ｐゴシック"/>
              </a:rPr>
              <a:t>ほ</a:t>
            </a:r>
            <a:r>
              <a:rPr sz="2400" spc="-23" dirty="0">
                <a:latin typeface="ＭＳ Ｐゴシック"/>
                <a:cs typeface="ＭＳ Ｐゴシック"/>
              </a:rPr>
              <a:t>ど</a:t>
            </a:r>
            <a:r>
              <a:rPr sz="2400" spc="-19" dirty="0">
                <a:latin typeface="ＭＳ Ｐゴシック"/>
                <a:cs typeface="ＭＳ Ｐゴシック"/>
              </a:rPr>
              <a:t>，</a:t>
            </a:r>
            <a:r>
              <a:rPr sz="2400" spc="-26" dirty="0">
                <a:latin typeface="ＭＳ Ｐゴシック"/>
                <a:cs typeface="ＭＳ Ｐゴシック"/>
              </a:rPr>
              <a:t>侵</a:t>
            </a:r>
            <a:r>
              <a:rPr sz="2400" spc="-38" dirty="0">
                <a:latin typeface="ＭＳ Ｐゴシック"/>
                <a:cs typeface="ＭＳ Ｐゴシック"/>
              </a:rPr>
              <a:t>食</a:t>
            </a:r>
            <a:r>
              <a:rPr sz="2400" dirty="0">
                <a:latin typeface="ＭＳ Ｐゴシック"/>
                <a:cs typeface="ＭＳ Ｐゴシック"/>
              </a:rPr>
              <a:t>	</a:t>
            </a:r>
            <a:r>
              <a:rPr sz="2400" spc="-26" dirty="0">
                <a:latin typeface="ＭＳ Ｐゴシック"/>
                <a:cs typeface="ＭＳ Ｐゴシック"/>
              </a:rPr>
              <a:t>大</a:t>
            </a:r>
            <a:r>
              <a:rPr sz="2400" spc="-26" dirty="0">
                <a:latin typeface="Calibri"/>
                <a:cs typeface="Calibri"/>
              </a:rPr>
              <a:t>→</a:t>
            </a:r>
            <a:r>
              <a:rPr sz="2400" spc="-26" dirty="0">
                <a:latin typeface="ＭＳ Ｐゴシック"/>
                <a:cs typeface="ＭＳ Ｐゴシック"/>
              </a:rPr>
              <a:t>劣化深</a:t>
            </a:r>
            <a:r>
              <a:rPr sz="2400" spc="-38" dirty="0">
                <a:latin typeface="ＭＳ Ｐゴシック"/>
                <a:cs typeface="ＭＳ Ｐゴシック"/>
              </a:rPr>
              <a:t>さ大</a:t>
            </a:r>
            <a:endParaRPr sz="2400" dirty="0">
              <a:latin typeface="ＭＳ Ｐゴシック"/>
              <a:cs typeface="ＭＳ Ｐゴシック"/>
            </a:endParaRPr>
          </a:p>
          <a:p>
            <a:pPr marL="266224" marR="3810" indent="-257175">
              <a:lnSpc>
                <a:spcPct val="97800"/>
              </a:lnSpc>
              <a:spcBef>
                <a:spcPts val="724"/>
              </a:spcBef>
              <a:buFont typeface="Arial"/>
              <a:buChar char="•"/>
              <a:tabLst>
                <a:tab pos="266224" algn="l"/>
                <a:tab pos="2763678" algn="l"/>
                <a:tab pos="3860006" algn="l"/>
                <a:tab pos="4455319" algn="l"/>
                <a:tab pos="5550694" algn="l"/>
              </a:tabLst>
            </a:pPr>
            <a:r>
              <a:rPr sz="2400" u="heavy" spc="-26" dirty="0">
                <a:uFill>
                  <a:solidFill>
                    <a:srgbClr val="000000"/>
                  </a:solidFill>
                </a:uFill>
                <a:latin typeface="ＭＳ Ｐゴシック"/>
                <a:cs typeface="ＭＳ Ｐゴシック"/>
              </a:rPr>
              <a:t>水セ</a:t>
            </a:r>
            <a:r>
              <a:rPr sz="2400" u="heavy" spc="-30" dirty="0">
                <a:uFill>
                  <a:solidFill>
                    <a:srgbClr val="000000"/>
                  </a:solidFill>
                </a:uFill>
                <a:latin typeface="ＭＳ Ｐゴシック"/>
                <a:cs typeface="ＭＳ Ｐゴシック"/>
              </a:rPr>
              <a:t>メ</a:t>
            </a:r>
            <a:r>
              <a:rPr sz="2400" u="heavy" spc="-23" dirty="0">
                <a:uFill>
                  <a:solidFill>
                    <a:srgbClr val="000000"/>
                  </a:solidFill>
                </a:uFill>
                <a:latin typeface="ＭＳ Ｐゴシック"/>
                <a:cs typeface="ＭＳ Ｐゴシック"/>
              </a:rPr>
              <a:t>ン</a:t>
            </a:r>
            <a:r>
              <a:rPr sz="2400" u="heavy" spc="-19" dirty="0">
                <a:uFill>
                  <a:solidFill>
                    <a:srgbClr val="000000"/>
                  </a:solidFill>
                </a:uFill>
                <a:latin typeface="ＭＳ Ｐゴシック"/>
                <a:cs typeface="ＭＳ Ｐゴシック"/>
              </a:rPr>
              <a:t>ト</a:t>
            </a:r>
            <a:r>
              <a:rPr sz="2400" u="heavy" spc="-30" dirty="0">
                <a:uFill>
                  <a:solidFill>
                    <a:srgbClr val="000000"/>
                  </a:solidFill>
                </a:uFill>
                <a:latin typeface="ＭＳ Ｐゴシック"/>
                <a:cs typeface="ＭＳ Ｐゴシック"/>
              </a:rPr>
              <a:t>比</a:t>
            </a:r>
            <a:r>
              <a:rPr sz="2400" spc="-8" dirty="0">
                <a:latin typeface="ＭＳ Ｐゴシック"/>
                <a:cs typeface="ＭＳ Ｐゴシック"/>
              </a:rPr>
              <a:t>：</a:t>
            </a:r>
            <a:r>
              <a:rPr sz="2400" spc="-30" dirty="0">
                <a:latin typeface="ＭＳ Ｐゴシック"/>
                <a:cs typeface="ＭＳ Ｐゴシック"/>
              </a:rPr>
              <a:t>硫酸濃度が高い場合</a:t>
            </a:r>
            <a:r>
              <a:rPr sz="2400" spc="-8" dirty="0">
                <a:latin typeface="ＭＳ Ｐゴシック"/>
                <a:cs typeface="ＭＳ Ｐゴシック"/>
              </a:rPr>
              <a:t>，</a:t>
            </a:r>
            <a:r>
              <a:rPr sz="2400" spc="-26" dirty="0">
                <a:latin typeface="ＭＳ Ｐゴシック"/>
                <a:cs typeface="ＭＳ Ｐゴシック"/>
              </a:rPr>
              <a:t>低</a:t>
            </a:r>
            <a:r>
              <a:rPr sz="2400" spc="-19" dirty="0">
                <a:latin typeface="ＭＳ Ｐゴシック"/>
                <a:cs typeface="ＭＳ Ｐゴシック"/>
              </a:rPr>
              <a:t>水</a:t>
            </a:r>
            <a:r>
              <a:rPr sz="2400" spc="-26" dirty="0">
                <a:latin typeface="ＭＳ Ｐゴシック"/>
                <a:cs typeface="ＭＳ Ｐゴシック"/>
              </a:rPr>
              <a:t>セ</a:t>
            </a:r>
            <a:r>
              <a:rPr sz="2400" spc="-30" dirty="0">
                <a:latin typeface="ＭＳ Ｐゴシック"/>
                <a:cs typeface="ＭＳ Ｐゴシック"/>
              </a:rPr>
              <a:t>メ</a:t>
            </a:r>
            <a:r>
              <a:rPr sz="2400" spc="-8" dirty="0">
                <a:latin typeface="ＭＳ Ｐゴシック"/>
                <a:cs typeface="ＭＳ Ｐゴシック"/>
              </a:rPr>
              <a:t>ン</a:t>
            </a:r>
            <a:r>
              <a:rPr sz="2400" dirty="0">
                <a:latin typeface="ＭＳ Ｐゴシック"/>
                <a:cs typeface="ＭＳ Ｐゴシック"/>
              </a:rPr>
              <a:t>ト</a:t>
            </a:r>
            <a:r>
              <a:rPr sz="2400" spc="-26" dirty="0">
                <a:latin typeface="ＭＳ Ｐゴシック"/>
                <a:cs typeface="ＭＳ Ｐゴシック"/>
              </a:rPr>
              <a:t>比</a:t>
            </a:r>
            <a:r>
              <a:rPr sz="2400" spc="-38" dirty="0">
                <a:latin typeface="ＭＳ Ｐゴシック"/>
                <a:cs typeface="ＭＳ Ｐゴシック"/>
              </a:rPr>
              <a:t>の</a:t>
            </a:r>
            <a:r>
              <a:rPr sz="2400" spc="-23" dirty="0">
                <a:latin typeface="ＭＳ Ｐゴシック"/>
                <a:cs typeface="ＭＳ Ｐゴシック"/>
              </a:rPr>
              <a:t>コ</a:t>
            </a:r>
            <a:r>
              <a:rPr sz="2400" dirty="0">
                <a:latin typeface="ＭＳ Ｐゴシック"/>
                <a:cs typeface="ＭＳ Ｐゴシック"/>
              </a:rPr>
              <a:t>ン</a:t>
            </a:r>
            <a:r>
              <a:rPr sz="2400" spc="-8" dirty="0">
                <a:latin typeface="ＭＳ Ｐゴシック"/>
                <a:cs typeface="ＭＳ Ｐゴシック"/>
              </a:rPr>
              <a:t>ク</a:t>
            </a:r>
            <a:r>
              <a:rPr sz="2400" spc="-23" dirty="0">
                <a:latin typeface="ＭＳ Ｐゴシック"/>
                <a:cs typeface="ＭＳ Ｐゴシック"/>
              </a:rPr>
              <a:t>リ</a:t>
            </a:r>
            <a:r>
              <a:rPr sz="2400" spc="-26" dirty="0">
                <a:latin typeface="ＭＳ Ｐゴシック"/>
                <a:cs typeface="ＭＳ Ｐゴシック"/>
              </a:rPr>
              <a:t>ー</a:t>
            </a:r>
            <a:r>
              <a:rPr sz="2400" spc="-19" dirty="0">
                <a:latin typeface="ＭＳ Ｐゴシック"/>
                <a:cs typeface="ＭＳ Ｐゴシック"/>
              </a:rPr>
              <a:t>ト</a:t>
            </a:r>
            <a:r>
              <a:rPr sz="2400" spc="-26" dirty="0">
                <a:latin typeface="ＭＳ Ｐゴシック"/>
                <a:cs typeface="ＭＳ Ｐゴシック"/>
              </a:rPr>
              <a:t>ほ</a:t>
            </a:r>
            <a:r>
              <a:rPr sz="2400" spc="-23" dirty="0">
                <a:latin typeface="ＭＳ Ｐゴシック"/>
                <a:cs typeface="ＭＳ Ｐゴシック"/>
              </a:rPr>
              <a:t>ど</a:t>
            </a:r>
            <a:r>
              <a:rPr sz="2400" spc="-26" dirty="0">
                <a:latin typeface="ＭＳ Ｐゴシック"/>
                <a:cs typeface="ＭＳ Ｐゴシック"/>
              </a:rPr>
              <a:t>侵</a:t>
            </a:r>
            <a:r>
              <a:rPr sz="2400" spc="-38" dirty="0">
                <a:latin typeface="ＭＳ Ｐゴシック"/>
                <a:cs typeface="ＭＳ Ｐゴシック"/>
              </a:rPr>
              <a:t>食</a:t>
            </a:r>
            <a:r>
              <a:rPr sz="2400" dirty="0">
                <a:latin typeface="ＭＳ Ｐゴシック"/>
                <a:cs typeface="ＭＳ Ｐゴシック"/>
              </a:rPr>
              <a:t>	</a:t>
            </a:r>
            <a:r>
              <a:rPr sz="2400" spc="-26" dirty="0">
                <a:latin typeface="ＭＳ Ｐゴシック"/>
                <a:cs typeface="ＭＳ Ｐゴシック"/>
              </a:rPr>
              <a:t>大</a:t>
            </a:r>
            <a:r>
              <a:rPr sz="2400" spc="-26" dirty="0">
                <a:latin typeface="Calibri"/>
                <a:cs typeface="Calibri"/>
              </a:rPr>
              <a:t>→</a:t>
            </a:r>
            <a:r>
              <a:rPr sz="2400" spc="-26" dirty="0">
                <a:latin typeface="ＭＳ Ｐゴシック"/>
                <a:cs typeface="ＭＳ Ｐゴシック"/>
              </a:rPr>
              <a:t>劣化深</a:t>
            </a:r>
            <a:r>
              <a:rPr sz="2400" spc="-38" dirty="0">
                <a:latin typeface="ＭＳ Ｐゴシック"/>
                <a:cs typeface="ＭＳ Ｐゴシック"/>
              </a:rPr>
              <a:t>さ</a:t>
            </a:r>
            <a:r>
              <a:rPr sz="2400" dirty="0">
                <a:latin typeface="ＭＳ Ｐゴシック"/>
                <a:cs typeface="ＭＳ Ｐゴシック"/>
              </a:rPr>
              <a:t>	</a:t>
            </a:r>
            <a:r>
              <a:rPr sz="2400" spc="-30" dirty="0">
                <a:latin typeface="ＭＳ Ｐゴシック"/>
                <a:cs typeface="ＭＳ Ｐゴシック"/>
              </a:rPr>
              <a:t>大</a:t>
            </a:r>
            <a:r>
              <a:rPr sz="2400" spc="-19" dirty="0">
                <a:latin typeface="ＭＳ Ｐゴシック"/>
                <a:cs typeface="ＭＳ Ｐゴシック"/>
              </a:rPr>
              <a:t>，</a:t>
            </a:r>
            <a:r>
              <a:rPr sz="2400" spc="-26" dirty="0">
                <a:latin typeface="ＭＳ Ｐゴシック"/>
                <a:cs typeface="ＭＳ Ｐゴシック"/>
              </a:rPr>
              <a:t>硫酸濃度</a:t>
            </a:r>
            <a:r>
              <a:rPr sz="2400" spc="-38" dirty="0">
                <a:latin typeface="ＭＳ Ｐゴシック"/>
                <a:cs typeface="ＭＳ Ｐゴシック"/>
              </a:rPr>
              <a:t>が</a:t>
            </a:r>
            <a:r>
              <a:rPr sz="2400" spc="-30" dirty="0">
                <a:latin typeface="ＭＳ Ｐゴシック"/>
                <a:cs typeface="ＭＳ Ｐゴシック"/>
              </a:rPr>
              <a:t>低い場合</a:t>
            </a:r>
            <a:r>
              <a:rPr sz="2400" spc="-19" dirty="0">
                <a:latin typeface="ＭＳ Ｐゴシック"/>
                <a:cs typeface="ＭＳ Ｐゴシック"/>
              </a:rPr>
              <a:t>，</a:t>
            </a:r>
            <a:r>
              <a:rPr sz="2400" spc="-26" dirty="0">
                <a:latin typeface="ＭＳ Ｐゴシック"/>
                <a:cs typeface="ＭＳ Ｐゴシック"/>
              </a:rPr>
              <a:t>侵食は顕在化</a:t>
            </a:r>
            <a:r>
              <a:rPr sz="2400" spc="-19" dirty="0">
                <a:latin typeface="ＭＳ Ｐゴシック"/>
                <a:cs typeface="ＭＳ Ｐゴシック"/>
              </a:rPr>
              <a:t>し</a:t>
            </a:r>
            <a:r>
              <a:rPr sz="2400" spc="-30" dirty="0">
                <a:latin typeface="ＭＳ Ｐゴシック"/>
                <a:cs typeface="ＭＳ Ｐゴシック"/>
              </a:rPr>
              <a:t>な</a:t>
            </a:r>
            <a:r>
              <a:rPr sz="2400" spc="-23" dirty="0">
                <a:latin typeface="ＭＳ Ｐゴシック"/>
                <a:cs typeface="ＭＳ Ｐゴシック"/>
              </a:rPr>
              <a:t>い</a:t>
            </a:r>
            <a:r>
              <a:rPr sz="2400" spc="-19" dirty="0">
                <a:latin typeface="ＭＳ Ｐゴシック"/>
                <a:cs typeface="ＭＳ Ｐゴシック"/>
              </a:rPr>
              <a:t>．</a:t>
            </a:r>
            <a:r>
              <a:rPr sz="2400" spc="-26" dirty="0">
                <a:latin typeface="ＭＳ Ｐゴシック"/>
                <a:cs typeface="ＭＳ Ｐゴシック"/>
              </a:rPr>
              <a:t>高</a:t>
            </a:r>
            <a:r>
              <a:rPr sz="2400" spc="-19" dirty="0">
                <a:latin typeface="ＭＳ Ｐゴシック"/>
                <a:cs typeface="ＭＳ Ｐゴシック"/>
              </a:rPr>
              <a:t>水セ</a:t>
            </a:r>
            <a:r>
              <a:rPr sz="2400" spc="-30" dirty="0">
                <a:latin typeface="ＭＳ Ｐゴシック"/>
                <a:cs typeface="ＭＳ Ｐゴシック"/>
              </a:rPr>
              <a:t>メ</a:t>
            </a:r>
            <a:r>
              <a:rPr sz="2400" spc="-23" dirty="0">
                <a:latin typeface="ＭＳ Ｐゴシック"/>
                <a:cs typeface="ＭＳ Ｐゴシック"/>
              </a:rPr>
              <a:t>ン</a:t>
            </a:r>
            <a:r>
              <a:rPr sz="2400" spc="-19" dirty="0">
                <a:latin typeface="ＭＳ Ｐゴシック"/>
                <a:cs typeface="ＭＳ Ｐゴシック"/>
              </a:rPr>
              <a:t>ト</a:t>
            </a:r>
            <a:r>
              <a:rPr sz="2400" spc="-26" dirty="0">
                <a:latin typeface="ＭＳ Ｐゴシック"/>
                <a:cs typeface="ＭＳ Ｐゴシック"/>
              </a:rPr>
              <a:t>比</a:t>
            </a:r>
            <a:r>
              <a:rPr sz="2400" spc="-19" dirty="0">
                <a:latin typeface="ＭＳ Ｐゴシック"/>
                <a:cs typeface="ＭＳ Ｐゴシック"/>
              </a:rPr>
              <a:t>の</a:t>
            </a:r>
            <a:r>
              <a:rPr sz="2400" spc="-23" dirty="0">
                <a:latin typeface="ＭＳ Ｐゴシック"/>
                <a:cs typeface="ＭＳ Ｐゴシック"/>
              </a:rPr>
              <a:t>コ</a:t>
            </a:r>
            <a:r>
              <a:rPr sz="2400" spc="-38" dirty="0">
                <a:latin typeface="ＭＳ Ｐゴシック"/>
                <a:cs typeface="ＭＳ Ｐゴシック"/>
              </a:rPr>
              <a:t>ン</a:t>
            </a:r>
            <a:r>
              <a:rPr sz="2400" spc="-30" dirty="0">
                <a:latin typeface="ＭＳ Ｐゴシック"/>
                <a:cs typeface="ＭＳ Ｐゴシック"/>
              </a:rPr>
              <a:t>ク</a:t>
            </a:r>
            <a:r>
              <a:rPr sz="2400" spc="-23" dirty="0">
                <a:latin typeface="ＭＳ Ｐゴシック"/>
                <a:cs typeface="ＭＳ Ｐゴシック"/>
              </a:rPr>
              <a:t>リ</a:t>
            </a:r>
            <a:r>
              <a:rPr sz="2400" spc="-26" dirty="0">
                <a:latin typeface="ＭＳ Ｐゴシック"/>
                <a:cs typeface="ＭＳ Ｐゴシック"/>
              </a:rPr>
              <a:t>ー</a:t>
            </a:r>
            <a:r>
              <a:rPr sz="2400" spc="-19" dirty="0">
                <a:latin typeface="ＭＳ Ｐゴシック"/>
                <a:cs typeface="ＭＳ Ｐゴシック"/>
              </a:rPr>
              <a:t>ト</a:t>
            </a:r>
            <a:r>
              <a:rPr sz="2400" spc="-26" dirty="0">
                <a:latin typeface="ＭＳ Ｐゴシック"/>
                <a:cs typeface="ＭＳ Ｐゴシック"/>
              </a:rPr>
              <a:t>ほ</a:t>
            </a:r>
            <a:r>
              <a:rPr sz="2400" spc="-23" dirty="0">
                <a:latin typeface="ＭＳ Ｐゴシック"/>
                <a:cs typeface="ＭＳ Ｐゴシック"/>
              </a:rPr>
              <a:t>ど</a:t>
            </a:r>
            <a:r>
              <a:rPr sz="2400" spc="-26" dirty="0">
                <a:latin typeface="ＭＳ Ｐゴシック"/>
                <a:cs typeface="ＭＳ Ｐゴシック"/>
              </a:rPr>
              <a:t>中性化</a:t>
            </a:r>
            <a:r>
              <a:rPr sz="2400" spc="-8" dirty="0">
                <a:latin typeface="ＭＳ Ｐゴシック"/>
                <a:cs typeface="ＭＳ Ｐゴシック"/>
              </a:rPr>
              <a:t>（</a:t>
            </a:r>
            <a:r>
              <a:rPr sz="2400" spc="-26" dirty="0">
                <a:latin typeface="ＭＳ Ｐゴシック"/>
                <a:cs typeface="ＭＳ Ｐゴシック"/>
              </a:rPr>
              <a:t>浸透</a:t>
            </a:r>
            <a:r>
              <a:rPr sz="2400" spc="-8" dirty="0">
                <a:latin typeface="ＭＳ Ｐゴシック"/>
                <a:cs typeface="ＭＳ Ｐゴシック"/>
              </a:rPr>
              <a:t>）</a:t>
            </a:r>
            <a:r>
              <a:rPr sz="2400" spc="-26" dirty="0">
                <a:latin typeface="ＭＳ Ｐゴシック"/>
                <a:cs typeface="ＭＳ Ｐゴシック"/>
              </a:rPr>
              <a:t>深</a:t>
            </a:r>
            <a:r>
              <a:rPr sz="2400" spc="-38" dirty="0">
                <a:latin typeface="ＭＳ Ｐゴシック"/>
                <a:cs typeface="ＭＳ Ｐゴシック"/>
              </a:rPr>
              <a:t>さ</a:t>
            </a:r>
            <a:r>
              <a:rPr sz="2400" dirty="0">
                <a:latin typeface="ＭＳ Ｐゴシック"/>
                <a:cs typeface="ＭＳ Ｐゴシック"/>
              </a:rPr>
              <a:t>	</a:t>
            </a:r>
            <a:r>
              <a:rPr sz="2400" spc="-26" dirty="0">
                <a:latin typeface="ＭＳ Ｐゴシック"/>
                <a:cs typeface="ＭＳ Ｐゴシック"/>
              </a:rPr>
              <a:t>大</a:t>
            </a:r>
            <a:r>
              <a:rPr sz="2400" spc="-26" dirty="0">
                <a:latin typeface="Calibri"/>
                <a:cs typeface="Calibri"/>
              </a:rPr>
              <a:t>→</a:t>
            </a:r>
            <a:r>
              <a:rPr sz="2400" spc="-26" dirty="0">
                <a:latin typeface="ＭＳ Ｐゴシック"/>
                <a:cs typeface="ＭＳ Ｐゴシック"/>
              </a:rPr>
              <a:t>劣化深</a:t>
            </a:r>
            <a:r>
              <a:rPr sz="2400" spc="-38" dirty="0">
                <a:latin typeface="ＭＳ Ｐゴシック"/>
                <a:cs typeface="ＭＳ Ｐゴシック"/>
              </a:rPr>
              <a:t>さ</a:t>
            </a:r>
            <a:r>
              <a:rPr sz="2400" dirty="0">
                <a:latin typeface="ＭＳ Ｐゴシック"/>
                <a:cs typeface="ＭＳ Ｐゴシック"/>
              </a:rPr>
              <a:t>	</a:t>
            </a:r>
            <a:r>
              <a:rPr sz="2400" spc="-38" dirty="0">
                <a:latin typeface="ＭＳ Ｐゴシック"/>
                <a:cs typeface="ＭＳ Ｐゴシック"/>
              </a:rPr>
              <a:t>大</a:t>
            </a:r>
            <a:endParaRPr sz="2400" dirty="0">
              <a:latin typeface="ＭＳ Ｐゴシック"/>
              <a:cs typeface="ＭＳ Ｐゴシック"/>
            </a:endParaRPr>
          </a:p>
          <a:p>
            <a:pPr marL="266700" marR="9049" indent="-257651" algn="just">
              <a:spcBef>
                <a:spcPts val="664"/>
              </a:spcBef>
            </a:pPr>
            <a:r>
              <a:rPr sz="2400" spc="-26" dirty="0">
                <a:latin typeface="ＭＳ Ｐゴシック"/>
                <a:cs typeface="ＭＳ Ｐゴシック"/>
              </a:rPr>
              <a:t>注</a:t>
            </a:r>
            <a:r>
              <a:rPr sz="2400" spc="-8" dirty="0">
                <a:latin typeface="ＭＳ Ｐゴシック"/>
                <a:cs typeface="ＭＳ Ｐゴシック"/>
              </a:rPr>
              <a:t>）</a:t>
            </a:r>
            <a:r>
              <a:rPr sz="2400" spc="-30" dirty="0">
                <a:latin typeface="ＭＳ Ｐゴシック"/>
                <a:cs typeface="ＭＳ Ｐゴシック"/>
              </a:rPr>
              <a:t>硫酸による劣化は水セメント比が低いほど</a:t>
            </a:r>
            <a:r>
              <a:rPr sz="2400" spc="-8" dirty="0">
                <a:latin typeface="ＭＳ Ｐゴシック"/>
                <a:cs typeface="ＭＳ Ｐゴシック"/>
              </a:rPr>
              <a:t>（</a:t>
            </a:r>
            <a:r>
              <a:rPr sz="2400" spc="-30" dirty="0">
                <a:latin typeface="ＭＳ Ｐゴシック"/>
                <a:cs typeface="ＭＳ Ｐゴシック"/>
              </a:rPr>
              <a:t>組織が緻密なほど</a:t>
            </a:r>
            <a:r>
              <a:rPr sz="2400" spc="-8" dirty="0">
                <a:latin typeface="ＭＳ Ｐゴシック"/>
                <a:cs typeface="ＭＳ Ｐゴシック"/>
              </a:rPr>
              <a:t>）</a:t>
            </a:r>
            <a:r>
              <a:rPr sz="2400" spc="-34" dirty="0">
                <a:latin typeface="ＭＳ Ｐゴシック"/>
                <a:cs typeface="ＭＳ Ｐゴシック"/>
              </a:rPr>
              <a:t>劣化しやすくなるという他の劣化現象とは異なる傾向を示す場合がある．</a:t>
            </a:r>
            <a:endParaRPr sz="2400" dirty="0">
              <a:latin typeface="ＭＳ Ｐゴシック"/>
              <a:cs typeface="ＭＳ Ｐゴシック"/>
            </a:endParaRPr>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1143001" y="857251"/>
            <a:ext cx="6857999" cy="5143499"/>
          </a:xfrm>
          <a:prstGeom prst="rect">
            <a:avLst/>
          </a:prstGeom>
        </p:spPr>
      </p:pic>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569460" y="486549"/>
            <a:ext cx="5915025" cy="686246"/>
          </a:xfrm>
          <a:prstGeom prst="rect">
            <a:avLst/>
          </a:prstGeom>
        </p:spPr>
        <p:txBody>
          <a:bodyPr vert="horz" wrap="square" lIns="0" tIns="9049" rIns="0" bIns="0" rtlCol="0" anchor="ctr">
            <a:spAutoFit/>
          </a:bodyPr>
          <a:lstStyle/>
          <a:p>
            <a:pPr marL="9525">
              <a:lnSpc>
                <a:spcPct val="100000"/>
              </a:lnSpc>
              <a:spcBef>
                <a:spcPts val="71"/>
              </a:spcBef>
            </a:pPr>
            <a:r>
              <a:rPr spc="-38" dirty="0"/>
              <a:t>硫酸による劣化対策？</a:t>
            </a:r>
          </a:p>
        </p:txBody>
      </p:sp>
      <p:sp>
        <p:nvSpPr>
          <p:cNvPr id="3" name="object 3"/>
          <p:cNvSpPr txBox="1"/>
          <p:nvPr/>
        </p:nvSpPr>
        <p:spPr>
          <a:xfrm>
            <a:off x="569460" y="1535621"/>
            <a:ext cx="7779883" cy="3441807"/>
          </a:xfrm>
          <a:prstGeom prst="rect">
            <a:avLst/>
          </a:prstGeom>
        </p:spPr>
        <p:txBody>
          <a:bodyPr vert="horz" wrap="square" lIns="0" tIns="51911" rIns="0" bIns="0" rtlCol="0">
            <a:spAutoFit/>
          </a:bodyPr>
          <a:lstStyle/>
          <a:p>
            <a:pPr marL="266700" marR="19526" indent="-257175" algn="just">
              <a:lnSpc>
                <a:spcPct val="88500"/>
              </a:lnSpc>
              <a:spcBef>
                <a:spcPts val="409"/>
              </a:spcBef>
              <a:buFont typeface="Arial"/>
              <a:buChar char="•"/>
              <a:tabLst>
                <a:tab pos="266700" algn="l"/>
              </a:tabLst>
            </a:pPr>
            <a:r>
              <a:rPr sz="2400" spc="-11" dirty="0">
                <a:latin typeface="ＭＳ Ｐゴシック"/>
                <a:cs typeface="ＭＳ Ｐゴシック"/>
              </a:rPr>
              <a:t>化学的侵食作用が非常に厳しい場合</a:t>
            </a:r>
            <a:r>
              <a:rPr sz="2400" spc="-8" dirty="0">
                <a:latin typeface="ＭＳ Ｐゴシック"/>
                <a:cs typeface="ＭＳ Ｐゴシック"/>
              </a:rPr>
              <a:t>（</a:t>
            </a:r>
            <a:r>
              <a:rPr sz="2400" spc="-15" dirty="0">
                <a:latin typeface="ＭＳ Ｐゴシック"/>
                <a:cs typeface="ＭＳ Ｐゴシック"/>
              </a:rPr>
              <a:t>例えば，</a:t>
            </a:r>
            <a:r>
              <a:rPr sz="2400" spc="-11" dirty="0">
                <a:latin typeface="ＭＳ Ｐゴシック"/>
                <a:cs typeface="ＭＳ Ｐゴシック"/>
              </a:rPr>
              <a:t>下水道構造物や温泉近くに建設される構造物</a:t>
            </a:r>
            <a:r>
              <a:rPr sz="2400" spc="-38" dirty="0">
                <a:latin typeface="ＭＳ Ｐゴシック"/>
                <a:cs typeface="ＭＳ Ｐゴシック"/>
              </a:rPr>
              <a:t>）</a:t>
            </a:r>
            <a:r>
              <a:rPr sz="2400" spc="-15" dirty="0">
                <a:latin typeface="ＭＳ Ｐゴシック"/>
                <a:cs typeface="ＭＳ Ｐゴシック"/>
              </a:rPr>
              <a:t>には，一般に，化学的侵食を抑制するための</a:t>
            </a:r>
            <a:r>
              <a:rPr sz="2400" spc="-15" dirty="0">
                <a:solidFill>
                  <a:srgbClr val="FF0000"/>
                </a:solidFill>
                <a:latin typeface="ＭＳ Ｐゴシック"/>
                <a:cs typeface="ＭＳ Ｐゴシック"/>
              </a:rPr>
              <a:t>コンクリート表面被覆や腐食防止処置を施した補強材の使用などの対策</a:t>
            </a:r>
            <a:r>
              <a:rPr sz="2400" spc="-15" dirty="0">
                <a:latin typeface="ＭＳ Ｐゴシック"/>
                <a:cs typeface="ＭＳ Ｐゴシック"/>
              </a:rPr>
              <a:t>を行うのが良い．</a:t>
            </a:r>
            <a:endParaRPr sz="2400" dirty="0">
              <a:latin typeface="ＭＳ Ｐゴシック"/>
              <a:cs typeface="ＭＳ Ｐゴシック"/>
            </a:endParaRPr>
          </a:p>
          <a:p>
            <a:pPr marL="266700" marR="3810" indent="-257175">
              <a:lnSpc>
                <a:spcPct val="89000"/>
              </a:lnSpc>
              <a:spcBef>
                <a:spcPts val="780"/>
              </a:spcBef>
              <a:buFont typeface="Arial"/>
              <a:buChar char="•"/>
              <a:tabLst>
                <a:tab pos="266700" algn="l"/>
              </a:tabLst>
            </a:pPr>
            <a:r>
              <a:rPr sz="2400" spc="-15" dirty="0">
                <a:latin typeface="ＭＳ Ｐゴシック"/>
                <a:cs typeface="ＭＳ Ｐゴシック"/>
              </a:rPr>
              <a:t>「下水道コンクリート構造物の腐食抑制技術及</a:t>
            </a:r>
            <a:r>
              <a:rPr sz="2400" spc="-11" dirty="0">
                <a:latin typeface="ＭＳ Ｐゴシック"/>
                <a:cs typeface="ＭＳ Ｐゴシック"/>
              </a:rPr>
              <a:t>び防食技術指針」および「同マニュアル」平成</a:t>
            </a:r>
            <a:r>
              <a:rPr sz="2400" spc="-19" dirty="0">
                <a:latin typeface="Calibri"/>
                <a:cs typeface="Calibri"/>
              </a:rPr>
              <a:t>14</a:t>
            </a:r>
            <a:r>
              <a:rPr sz="2400" dirty="0">
                <a:latin typeface="ＭＳ Ｐゴシック"/>
                <a:cs typeface="ＭＳ Ｐゴシック"/>
              </a:rPr>
              <a:t>年</a:t>
            </a:r>
            <a:r>
              <a:rPr sz="2400" spc="-23" dirty="0">
                <a:latin typeface="Calibri"/>
                <a:cs typeface="Calibri"/>
              </a:rPr>
              <a:t>12</a:t>
            </a:r>
            <a:r>
              <a:rPr sz="2400" dirty="0">
                <a:latin typeface="ＭＳ Ｐゴシック"/>
                <a:cs typeface="ＭＳ Ｐゴシック"/>
              </a:rPr>
              <a:t>月発刊（</a:t>
            </a:r>
            <a:r>
              <a:rPr sz="2400" spc="-4" dirty="0">
                <a:latin typeface="ＭＳ Ｐゴシック"/>
                <a:cs typeface="ＭＳ Ｐゴシック"/>
              </a:rPr>
              <a:t>日本下水道事業団</a:t>
            </a:r>
            <a:r>
              <a:rPr sz="2400" dirty="0">
                <a:latin typeface="ＭＳ Ｐゴシック"/>
                <a:cs typeface="ＭＳ Ｐゴシック"/>
              </a:rPr>
              <a:t>）</a:t>
            </a:r>
            <a:r>
              <a:rPr sz="2400" spc="-19" dirty="0">
                <a:latin typeface="ＭＳ Ｐゴシック"/>
                <a:cs typeface="ＭＳ Ｐゴシック"/>
              </a:rPr>
              <a:t>での考え方：</a:t>
            </a:r>
            <a:r>
              <a:rPr sz="2400" spc="-11" dirty="0">
                <a:solidFill>
                  <a:srgbClr val="FF0000"/>
                </a:solidFill>
                <a:latin typeface="ＭＳ Ｐゴシック"/>
                <a:cs typeface="ＭＳ Ｐゴシック"/>
              </a:rPr>
              <a:t>基本的にコンクリート被覆工法</a:t>
            </a:r>
            <a:r>
              <a:rPr sz="2400" spc="-8" dirty="0">
                <a:solidFill>
                  <a:srgbClr val="FF0000"/>
                </a:solidFill>
                <a:latin typeface="ＭＳ Ｐゴシック"/>
                <a:cs typeface="ＭＳ Ｐゴシック"/>
              </a:rPr>
              <a:t>（</a:t>
            </a:r>
            <a:r>
              <a:rPr sz="2400" spc="-15" dirty="0">
                <a:solidFill>
                  <a:srgbClr val="FF0000"/>
                </a:solidFill>
                <a:latin typeface="ＭＳ Ｐゴシック"/>
                <a:cs typeface="ＭＳ Ｐゴシック"/>
              </a:rPr>
              <a:t>塗布型ライニン</a:t>
            </a:r>
            <a:r>
              <a:rPr sz="2400" spc="-8" dirty="0">
                <a:solidFill>
                  <a:srgbClr val="FF0000"/>
                </a:solidFill>
                <a:latin typeface="ＭＳ Ｐゴシック"/>
                <a:cs typeface="ＭＳ Ｐゴシック"/>
              </a:rPr>
              <a:t>グ工法とシートライニング工法）</a:t>
            </a:r>
            <a:r>
              <a:rPr sz="2400" spc="-15" dirty="0">
                <a:solidFill>
                  <a:srgbClr val="FF0000"/>
                </a:solidFill>
                <a:latin typeface="ＭＳ Ｐゴシック"/>
                <a:cs typeface="ＭＳ Ｐゴシック"/>
              </a:rPr>
              <a:t>により対応することが前提．かぶりコンクリートによる抑制効果</a:t>
            </a:r>
            <a:r>
              <a:rPr sz="2400" spc="-11" dirty="0">
                <a:solidFill>
                  <a:srgbClr val="FF0000"/>
                </a:solidFill>
                <a:latin typeface="ＭＳ Ｐゴシック"/>
                <a:cs typeface="ＭＳ Ｐゴシック"/>
              </a:rPr>
              <a:t>はあまり期待していない</a:t>
            </a:r>
            <a:r>
              <a:rPr sz="2400" spc="-11" dirty="0">
                <a:latin typeface="ＭＳ Ｐゴシック"/>
                <a:cs typeface="ＭＳ Ｐゴシック"/>
              </a:rPr>
              <a:t>．</a:t>
            </a:r>
            <a:endParaRPr sz="2400" dirty="0">
              <a:latin typeface="ＭＳ Ｐゴシック"/>
              <a:cs typeface="ＭＳ Ｐゴシック"/>
            </a:endParaRPr>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B7D77FDB-75F4-9D72-9F19-69E6E5D269E5}"/>
              </a:ext>
            </a:extLst>
          </p:cNvPr>
          <p:cNvPicPr>
            <a:picLocks noChangeAspect="1"/>
          </p:cNvPicPr>
          <p:nvPr/>
        </p:nvPicPr>
        <p:blipFill>
          <a:blip r:embed="rId2"/>
          <a:stretch>
            <a:fillRect/>
          </a:stretch>
        </p:blipFill>
        <p:spPr>
          <a:xfrm>
            <a:off x="285750" y="1290637"/>
            <a:ext cx="8572500" cy="4276725"/>
          </a:xfrm>
          <a:prstGeom prst="rect">
            <a:avLst/>
          </a:prstGeom>
        </p:spPr>
      </p:pic>
      <p:sp>
        <p:nvSpPr>
          <p:cNvPr id="3" name="テキスト ボックス 2">
            <a:extLst>
              <a:ext uri="{FF2B5EF4-FFF2-40B4-BE49-F238E27FC236}">
                <a16:creationId xmlns:a16="http://schemas.microsoft.com/office/drawing/2014/main" id="{3A758217-AFB9-A877-3CF6-ACA707E9C673}"/>
              </a:ext>
            </a:extLst>
          </p:cNvPr>
          <p:cNvSpPr txBox="1"/>
          <p:nvPr/>
        </p:nvSpPr>
        <p:spPr>
          <a:xfrm>
            <a:off x="598714" y="5791200"/>
            <a:ext cx="7664278" cy="461665"/>
          </a:xfrm>
          <a:prstGeom prst="rect">
            <a:avLst/>
          </a:prstGeom>
          <a:noFill/>
        </p:spPr>
        <p:txBody>
          <a:bodyPr wrap="none" rtlCol="0">
            <a:spAutoFit/>
          </a:bodyPr>
          <a:lstStyle/>
          <a:p>
            <a:r>
              <a:rPr kumimoji="1" lang="ja-JP" altLang="en-US" sz="2400" dirty="0"/>
              <a:t>様々な地中探査装置は、現存するが、最大深度</a:t>
            </a:r>
            <a:r>
              <a:rPr kumimoji="1" lang="en-US" altLang="ja-JP" sz="2400" dirty="0"/>
              <a:t>2m</a:t>
            </a:r>
            <a:r>
              <a:rPr kumimoji="1" lang="ja-JP" altLang="en-US" sz="2400" dirty="0"/>
              <a:t>程度</a:t>
            </a:r>
          </a:p>
        </p:txBody>
      </p:sp>
      <p:sp>
        <p:nvSpPr>
          <p:cNvPr id="4" name="テキスト ボックス 3">
            <a:extLst>
              <a:ext uri="{FF2B5EF4-FFF2-40B4-BE49-F238E27FC236}">
                <a16:creationId xmlns:a16="http://schemas.microsoft.com/office/drawing/2014/main" id="{89FB7CD2-A835-7A9A-5F5B-4FA409E28A65}"/>
              </a:ext>
            </a:extLst>
          </p:cNvPr>
          <p:cNvSpPr txBox="1"/>
          <p:nvPr/>
        </p:nvSpPr>
        <p:spPr>
          <a:xfrm>
            <a:off x="468086" y="566057"/>
            <a:ext cx="1620957" cy="523220"/>
          </a:xfrm>
          <a:prstGeom prst="rect">
            <a:avLst/>
          </a:prstGeom>
          <a:noFill/>
        </p:spPr>
        <p:txBody>
          <a:bodyPr wrap="none" rtlCol="0">
            <a:spAutoFit/>
          </a:bodyPr>
          <a:lstStyle/>
          <a:p>
            <a:r>
              <a:rPr kumimoji="1" lang="ja-JP" altLang="en-US" sz="2800" dirty="0"/>
              <a:t>地中探査</a:t>
            </a:r>
          </a:p>
        </p:txBody>
      </p:sp>
    </p:spTree>
    <p:extLst>
      <p:ext uri="{BB962C8B-B14F-4D97-AF65-F5344CB8AC3E}">
        <p14:creationId xmlns:p14="http://schemas.microsoft.com/office/powerpoint/2010/main" val="384203006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11E5D7D8-A076-16D1-1BE3-D4322466C489}"/>
              </a:ext>
            </a:extLst>
          </p:cNvPr>
          <p:cNvPicPr>
            <a:picLocks noChangeAspect="1"/>
          </p:cNvPicPr>
          <p:nvPr/>
        </p:nvPicPr>
        <p:blipFill>
          <a:blip r:embed="rId2"/>
          <a:stretch>
            <a:fillRect/>
          </a:stretch>
        </p:blipFill>
        <p:spPr>
          <a:xfrm>
            <a:off x="449369" y="228600"/>
            <a:ext cx="8076991" cy="6270171"/>
          </a:xfrm>
          <a:prstGeom prst="rect">
            <a:avLst/>
          </a:prstGeom>
        </p:spPr>
      </p:pic>
    </p:spTree>
    <p:extLst>
      <p:ext uri="{BB962C8B-B14F-4D97-AF65-F5344CB8AC3E}">
        <p14:creationId xmlns:p14="http://schemas.microsoft.com/office/powerpoint/2010/main" val="187740340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5EB282AD-8397-4F26-5223-597983DE2059}"/>
              </a:ext>
            </a:extLst>
          </p:cNvPr>
          <p:cNvSpPr txBox="1"/>
          <p:nvPr/>
        </p:nvSpPr>
        <p:spPr>
          <a:xfrm>
            <a:off x="1349829" y="1001486"/>
            <a:ext cx="1569660" cy="923330"/>
          </a:xfrm>
          <a:prstGeom prst="rect">
            <a:avLst/>
          </a:prstGeom>
          <a:noFill/>
        </p:spPr>
        <p:txBody>
          <a:bodyPr wrap="none" rtlCol="0">
            <a:spAutoFit/>
          </a:bodyPr>
          <a:lstStyle/>
          <a:p>
            <a:r>
              <a:rPr kumimoji="1" lang="ja-JP" altLang="en-US" dirty="0"/>
              <a:t>水中ドローン</a:t>
            </a:r>
            <a:endParaRPr kumimoji="1" lang="en-US" altLang="ja-JP" dirty="0"/>
          </a:p>
          <a:p>
            <a:endParaRPr kumimoji="1" lang="en-US" altLang="ja-JP" dirty="0"/>
          </a:p>
          <a:p>
            <a:endParaRPr kumimoji="1" lang="ja-JP" altLang="en-US" dirty="0"/>
          </a:p>
        </p:txBody>
      </p:sp>
      <p:pic>
        <p:nvPicPr>
          <p:cNvPr id="1026" name="Picture 2">
            <a:extLst>
              <a:ext uri="{FF2B5EF4-FFF2-40B4-BE49-F238E27FC236}">
                <a16:creationId xmlns:a16="http://schemas.microsoft.com/office/drawing/2014/main" id="{7C01D537-AD71-ECAD-2CF5-43EDC394CA6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201" y="323665"/>
            <a:ext cx="9144000" cy="6742113"/>
          </a:xfrm>
          <a:prstGeom prst="rect">
            <a:avLst/>
          </a:prstGeom>
          <a:noFill/>
          <a:extLst>
            <a:ext uri="{909E8E84-426E-40DD-AFC4-6F175D3DCCD1}">
              <a14:hiddenFill xmlns:a14="http://schemas.microsoft.com/office/drawing/2010/main">
                <a:solidFill>
                  <a:srgbClr val="FFFFFF"/>
                </a:solidFill>
              </a14:hiddenFill>
            </a:ext>
          </a:extLst>
        </p:spPr>
      </p:pic>
      <p:sp>
        <p:nvSpPr>
          <p:cNvPr id="4" name="テキスト ボックス 3">
            <a:extLst>
              <a:ext uri="{FF2B5EF4-FFF2-40B4-BE49-F238E27FC236}">
                <a16:creationId xmlns:a16="http://schemas.microsoft.com/office/drawing/2014/main" id="{DECFF9BD-F888-32F4-E216-722F81124E81}"/>
              </a:ext>
            </a:extLst>
          </p:cNvPr>
          <p:cNvSpPr txBox="1"/>
          <p:nvPr/>
        </p:nvSpPr>
        <p:spPr>
          <a:xfrm>
            <a:off x="794657" y="489857"/>
            <a:ext cx="2646878" cy="584775"/>
          </a:xfrm>
          <a:prstGeom prst="rect">
            <a:avLst/>
          </a:prstGeom>
          <a:noFill/>
        </p:spPr>
        <p:txBody>
          <a:bodyPr wrap="none" rtlCol="0">
            <a:spAutoFit/>
          </a:bodyPr>
          <a:lstStyle/>
          <a:p>
            <a:r>
              <a:rPr kumimoji="1" lang="ja-JP" altLang="en-US" sz="3200" dirty="0"/>
              <a:t>水中ドローン</a:t>
            </a:r>
          </a:p>
        </p:txBody>
      </p:sp>
    </p:spTree>
    <p:extLst>
      <p:ext uri="{BB962C8B-B14F-4D97-AF65-F5344CB8AC3E}">
        <p14:creationId xmlns:p14="http://schemas.microsoft.com/office/powerpoint/2010/main" val="228672978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5C35C6A4-486D-D88A-4D8E-A7C8D53CF8CA}"/>
              </a:ext>
            </a:extLst>
          </p:cNvPr>
          <p:cNvPicPr>
            <a:picLocks noChangeAspect="1"/>
          </p:cNvPicPr>
          <p:nvPr/>
        </p:nvPicPr>
        <p:blipFill>
          <a:blip r:embed="rId2"/>
          <a:stretch>
            <a:fillRect/>
          </a:stretch>
        </p:blipFill>
        <p:spPr>
          <a:xfrm>
            <a:off x="1609725" y="1705655"/>
            <a:ext cx="5924550" cy="4448175"/>
          </a:xfrm>
          <a:prstGeom prst="rect">
            <a:avLst/>
          </a:prstGeom>
        </p:spPr>
      </p:pic>
      <p:sp>
        <p:nvSpPr>
          <p:cNvPr id="4" name="テキスト ボックス 3">
            <a:extLst>
              <a:ext uri="{FF2B5EF4-FFF2-40B4-BE49-F238E27FC236}">
                <a16:creationId xmlns:a16="http://schemas.microsoft.com/office/drawing/2014/main" id="{A6A334BC-1AA7-0DED-FB5C-A63078965A5E}"/>
              </a:ext>
            </a:extLst>
          </p:cNvPr>
          <p:cNvSpPr txBox="1"/>
          <p:nvPr/>
        </p:nvSpPr>
        <p:spPr>
          <a:xfrm>
            <a:off x="1273629" y="544286"/>
            <a:ext cx="2646878" cy="584775"/>
          </a:xfrm>
          <a:prstGeom prst="rect">
            <a:avLst/>
          </a:prstGeom>
          <a:noFill/>
        </p:spPr>
        <p:txBody>
          <a:bodyPr wrap="none" rtlCol="0">
            <a:spAutoFit/>
          </a:bodyPr>
          <a:lstStyle/>
          <a:p>
            <a:r>
              <a:rPr kumimoji="1" lang="ja-JP" altLang="en-US" sz="3200" dirty="0"/>
              <a:t>自走式カメラ</a:t>
            </a:r>
          </a:p>
        </p:txBody>
      </p:sp>
    </p:spTree>
    <p:extLst>
      <p:ext uri="{BB962C8B-B14F-4D97-AF65-F5344CB8AC3E}">
        <p14:creationId xmlns:p14="http://schemas.microsoft.com/office/powerpoint/2010/main" val="50740154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C9F5534D-2629-D8DA-D289-478DA4591C94}"/>
              </a:ext>
            </a:extLst>
          </p:cNvPr>
          <p:cNvPicPr>
            <a:picLocks noChangeAspect="1"/>
          </p:cNvPicPr>
          <p:nvPr/>
        </p:nvPicPr>
        <p:blipFill>
          <a:blip r:embed="rId2"/>
          <a:stretch>
            <a:fillRect/>
          </a:stretch>
        </p:blipFill>
        <p:spPr>
          <a:xfrm>
            <a:off x="1722750" y="1204601"/>
            <a:ext cx="5821050" cy="4357074"/>
          </a:xfrm>
          <a:prstGeom prst="rect">
            <a:avLst/>
          </a:prstGeom>
        </p:spPr>
      </p:pic>
      <p:sp>
        <p:nvSpPr>
          <p:cNvPr id="3" name="テキスト ボックス 2">
            <a:extLst>
              <a:ext uri="{FF2B5EF4-FFF2-40B4-BE49-F238E27FC236}">
                <a16:creationId xmlns:a16="http://schemas.microsoft.com/office/drawing/2014/main" id="{8D4F2467-0BAB-A06C-2E89-2FA503F9D653}"/>
              </a:ext>
            </a:extLst>
          </p:cNvPr>
          <p:cNvSpPr txBox="1"/>
          <p:nvPr/>
        </p:nvSpPr>
        <p:spPr>
          <a:xfrm>
            <a:off x="163286" y="370114"/>
            <a:ext cx="8443337" cy="954107"/>
          </a:xfrm>
          <a:prstGeom prst="rect">
            <a:avLst/>
          </a:prstGeom>
          <a:noFill/>
        </p:spPr>
        <p:txBody>
          <a:bodyPr wrap="none" rtlCol="0">
            <a:spAutoFit/>
          </a:bodyPr>
          <a:lstStyle/>
          <a:p>
            <a:r>
              <a:rPr kumimoji="1" lang="ja-JP" altLang="en-US" sz="2800" dirty="0"/>
              <a:t>先日某新聞に載っていた下水道管、点検時の写真。</a:t>
            </a:r>
            <a:endParaRPr kumimoji="1" lang="en-US" altLang="ja-JP" sz="2800" dirty="0"/>
          </a:p>
          <a:p>
            <a:r>
              <a:rPr kumimoji="1" lang="ja-JP" altLang="en-US" sz="2800" dirty="0"/>
              <a:t>監理者は軽微な損傷で問題ない。</a:t>
            </a:r>
          </a:p>
        </p:txBody>
      </p:sp>
      <p:sp>
        <p:nvSpPr>
          <p:cNvPr id="4" name="楕円 3">
            <a:extLst>
              <a:ext uri="{FF2B5EF4-FFF2-40B4-BE49-F238E27FC236}">
                <a16:creationId xmlns:a16="http://schemas.microsoft.com/office/drawing/2014/main" id="{CB0EFA8E-F91E-1B61-C0F7-09CF9791FB64}"/>
              </a:ext>
            </a:extLst>
          </p:cNvPr>
          <p:cNvSpPr/>
          <p:nvPr/>
        </p:nvSpPr>
        <p:spPr>
          <a:xfrm>
            <a:off x="4637314" y="2373086"/>
            <a:ext cx="2079172" cy="1208314"/>
          </a:xfrm>
          <a:prstGeom prst="ellipse">
            <a:avLst/>
          </a:prstGeom>
          <a:noFill/>
          <a:ln w="76200">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a:extLst>
              <a:ext uri="{FF2B5EF4-FFF2-40B4-BE49-F238E27FC236}">
                <a16:creationId xmlns:a16="http://schemas.microsoft.com/office/drawing/2014/main" id="{3503C813-4F47-CA96-DC17-6EE61559AAEF}"/>
              </a:ext>
            </a:extLst>
          </p:cNvPr>
          <p:cNvSpPr txBox="1"/>
          <p:nvPr/>
        </p:nvSpPr>
        <p:spPr>
          <a:xfrm>
            <a:off x="566058" y="5561674"/>
            <a:ext cx="7366119" cy="954107"/>
          </a:xfrm>
          <a:prstGeom prst="rect">
            <a:avLst/>
          </a:prstGeom>
          <a:noFill/>
        </p:spPr>
        <p:txBody>
          <a:bodyPr wrap="none" rtlCol="0">
            <a:spAutoFit/>
          </a:bodyPr>
          <a:lstStyle/>
          <a:p>
            <a:r>
              <a:rPr kumimoji="1" lang="ja-JP" altLang="en-US" sz="2800" dirty="0"/>
              <a:t>明かりの漏れている部分夜間内面の肌荒れは</a:t>
            </a:r>
            <a:endParaRPr kumimoji="1" lang="en-US" altLang="ja-JP" sz="2800" dirty="0"/>
          </a:p>
          <a:p>
            <a:r>
              <a:rPr kumimoji="1" lang="ja-JP" altLang="en-US" sz="2800" dirty="0"/>
              <a:t>本当に問題ない？。</a:t>
            </a:r>
          </a:p>
        </p:txBody>
      </p:sp>
    </p:spTree>
    <p:extLst>
      <p:ext uri="{BB962C8B-B14F-4D97-AF65-F5344CB8AC3E}">
        <p14:creationId xmlns:p14="http://schemas.microsoft.com/office/powerpoint/2010/main" val="264380290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C7939E29-AED7-55EF-A56E-4E4F2847D870}"/>
              </a:ext>
            </a:extLst>
          </p:cNvPr>
          <p:cNvSpPr txBox="1"/>
          <p:nvPr/>
        </p:nvSpPr>
        <p:spPr>
          <a:xfrm>
            <a:off x="564126" y="751115"/>
            <a:ext cx="8155331" cy="5355312"/>
          </a:xfrm>
          <a:prstGeom prst="rect">
            <a:avLst/>
          </a:prstGeom>
          <a:noFill/>
        </p:spPr>
        <p:txBody>
          <a:bodyPr wrap="square" rtlCol="0">
            <a:spAutoFit/>
          </a:bodyPr>
          <a:lstStyle/>
          <a:p>
            <a:r>
              <a:rPr kumimoji="1" lang="ja-JP" altLang="en-US" sz="2400" dirty="0"/>
              <a:t>事故の原因</a:t>
            </a:r>
            <a:endParaRPr kumimoji="1" lang="en-US" altLang="ja-JP" sz="2400" dirty="0"/>
          </a:p>
          <a:p>
            <a:endParaRPr lang="en-US" altLang="ja-JP" dirty="0"/>
          </a:p>
          <a:p>
            <a:r>
              <a:rPr kumimoji="1" lang="ja-JP" altLang="en-US" sz="2000" dirty="0">
                <a:latin typeface="ＭＳ ゴシック" panose="020B0609070205080204" pitchFamily="49" charset="-128"/>
                <a:ea typeface="ＭＳ ゴシック" panose="020B0609070205080204" pitchFamily="49" charset="-128"/>
              </a:rPr>
              <a:t>①計画不足</a:t>
            </a:r>
            <a:endParaRPr kumimoji="1" lang="en-US" altLang="ja-JP" sz="2000" dirty="0">
              <a:latin typeface="ＭＳ ゴシック" panose="020B0609070205080204" pitchFamily="49" charset="-128"/>
              <a:ea typeface="ＭＳ ゴシック" panose="020B0609070205080204" pitchFamily="49" charset="-128"/>
            </a:endParaRPr>
          </a:p>
          <a:p>
            <a:r>
              <a:rPr lang="ja-JP" altLang="en-US" sz="2000" dirty="0">
                <a:latin typeface="ＭＳ ゴシック" panose="020B0609070205080204" pitchFamily="49" charset="-128"/>
                <a:ea typeface="ＭＳ ゴシック" panose="020B0609070205080204" pitchFamily="49" charset="-128"/>
              </a:rPr>
              <a:t>　　　ボーリング不足、地形を読めない、構造系の特質がわかってい</a:t>
            </a:r>
            <a:endParaRPr lang="en-US" altLang="ja-JP" sz="2000" dirty="0">
              <a:latin typeface="ＭＳ ゴシック" panose="020B0609070205080204" pitchFamily="49" charset="-128"/>
              <a:ea typeface="ＭＳ ゴシック" panose="020B0609070205080204" pitchFamily="49" charset="-128"/>
            </a:endParaRPr>
          </a:p>
          <a:p>
            <a:r>
              <a:rPr kumimoji="1" lang="ja-JP" altLang="en-US" sz="2000" dirty="0">
                <a:latin typeface="ＭＳ ゴシック" panose="020B0609070205080204" pitchFamily="49" charset="-128"/>
                <a:ea typeface="ＭＳ ゴシック" panose="020B0609070205080204" pitchFamily="49" charset="-128"/>
              </a:rPr>
              <a:t>　　　不安定な構造選定（デザイン重視）</a:t>
            </a:r>
            <a:endParaRPr kumimoji="1" lang="en-US" altLang="ja-JP" sz="2000" dirty="0">
              <a:latin typeface="ＭＳ ゴシック" panose="020B0609070205080204" pitchFamily="49" charset="-128"/>
              <a:ea typeface="ＭＳ ゴシック" panose="020B0609070205080204" pitchFamily="49" charset="-128"/>
            </a:endParaRPr>
          </a:p>
          <a:p>
            <a:endParaRPr lang="en-US" altLang="ja-JP" sz="2000" dirty="0">
              <a:latin typeface="ＭＳ ゴシック" panose="020B0609070205080204" pitchFamily="49" charset="-128"/>
              <a:ea typeface="ＭＳ ゴシック" panose="020B0609070205080204" pitchFamily="49" charset="-128"/>
            </a:endParaRPr>
          </a:p>
          <a:p>
            <a:r>
              <a:rPr lang="ja-JP" altLang="en-US" sz="2000" dirty="0">
                <a:latin typeface="ＭＳ ゴシック" panose="020B0609070205080204" pitchFamily="49" charset="-128"/>
                <a:ea typeface="ＭＳ ゴシック" panose="020B0609070205080204" pitchFamily="49" charset="-128"/>
              </a:rPr>
              <a:t>②設計不備</a:t>
            </a:r>
            <a:endParaRPr lang="en-US" altLang="ja-JP" sz="2000" dirty="0">
              <a:latin typeface="ＭＳ ゴシック" panose="020B0609070205080204" pitchFamily="49" charset="-128"/>
              <a:ea typeface="ＭＳ ゴシック" panose="020B0609070205080204" pitchFamily="49" charset="-128"/>
            </a:endParaRPr>
          </a:p>
          <a:p>
            <a:r>
              <a:rPr lang="ja-JP" altLang="en-US" sz="2000" dirty="0">
                <a:latin typeface="ＭＳ ゴシック" panose="020B0609070205080204" pitchFamily="49" charset="-128"/>
                <a:ea typeface="ＭＳ ゴシック" panose="020B0609070205080204" pitchFamily="49" charset="-128"/>
              </a:rPr>
              <a:t>　　　設計ミス、細部構造などの配慮不足、重なる設計変更</a:t>
            </a:r>
            <a:endParaRPr lang="en-US" altLang="ja-JP" sz="2000" dirty="0">
              <a:latin typeface="ＭＳ ゴシック" panose="020B0609070205080204" pitchFamily="49" charset="-128"/>
              <a:ea typeface="ＭＳ ゴシック" panose="020B0609070205080204" pitchFamily="49" charset="-128"/>
            </a:endParaRPr>
          </a:p>
          <a:p>
            <a:endParaRPr lang="en-US" altLang="ja-JP" sz="2000" dirty="0">
              <a:latin typeface="ＭＳ ゴシック" panose="020B0609070205080204" pitchFamily="49" charset="-128"/>
              <a:ea typeface="ＭＳ ゴシック" panose="020B0609070205080204" pitchFamily="49" charset="-128"/>
            </a:endParaRPr>
          </a:p>
          <a:p>
            <a:r>
              <a:rPr kumimoji="1" lang="ja-JP" altLang="en-US" sz="2000" dirty="0">
                <a:latin typeface="ＭＳ ゴシック" panose="020B0609070205080204" pitchFamily="49" charset="-128"/>
                <a:ea typeface="ＭＳ ゴシック" panose="020B0609070205080204" pitchFamily="49" charset="-128"/>
              </a:rPr>
              <a:t>③施工不備</a:t>
            </a:r>
            <a:endParaRPr kumimoji="1" lang="en-US" altLang="ja-JP" sz="2000" dirty="0">
              <a:latin typeface="ＭＳ ゴシック" panose="020B0609070205080204" pitchFamily="49" charset="-128"/>
              <a:ea typeface="ＭＳ ゴシック" panose="020B0609070205080204" pitchFamily="49" charset="-128"/>
            </a:endParaRPr>
          </a:p>
          <a:p>
            <a:r>
              <a:rPr lang="ja-JP" altLang="en-US" sz="2000" dirty="0">
                <a:latin typeface="ＭＳ ゴシック" panose="020B0609070205080204" pitchFamily="49" charset="-128"/>
                <a:ea typeface="ＭＳ ゴシック" panose="020B0609070205080204" pitchFamily="49" charset="-128"/>
              </a:rPr>
              <a:t>　　　架設計画の不備、施工不良、手抜き、天候</a:t>
            </a:r>
            <a:endParaRPr lang="en-US" altLang="ja-JP" sz="2000" dirty="0">
              <a:latin typeface="ＭＳ ゴシック" panose="020B0609070205080204" pitchFamily="49" charset="-128"/>
              <a:ea typeface="ＭＳ ゴシック" panose="020B0609070205080204" pitchFamily="49" charset="-128"/>
            </a:endParaRPr>
          </a:p>
          <a:p>
            <a:endParaRPr kumimoji="1" lang="en-US" altLang="ja-JP" sz="2000" dirty="0">
              <a:latin typeface="ＭＳ ゴシック" panose="020B0609070205080204" pitchFamily="49" charset="-128"/>
              <a:ea typeface="ＭＳ ゴシック" panose="020B0609070205080204" pitchFamily="49" charset="-128"/>
            </a:endParaRPr>
          </a:p>
          <a:p>
            <a:r>
              <a:rPr lang="ja-JP" altLang="en-US" sz="2000" dirty="0">
                <a:latin typeface="ＭＳ ゴシック" panose="020B0609070205080204" pitchFamily="49" charset="-128"/>
                <a:ea typeface="ＭＳ ゴシック" panose="020B0609070205080204" pitchFamily="49" charset="-128"/>
              </a:rPr>
              <a:t>④維持管理上のミス</a:t>
            </a:r>
            <a:endParaRPr lang="en-US" altLang="ja-JP" sz="2000" dirty="0">
              <a:latin typeface="ＭＳ ゴシック" panose="020B0609070205080204" pitchFamily="49" charset="-128"/>
              <a:ea typeface="ＭＳ ゴシック" panose="020B0609070205080204" pitchFamily="49" charset="-128"/>
            </a:endParaRPr>
          </a:p>
          <a:p>
            <a:r>
              <a:rPr kumimoji="1" lang="ja-JP" altLang="en-US" sz="2000" dirty="0">
                <a:latin typeface="ＭＳ ゴシック" panose="020B0609070205080204" pitchFamily="49" charset="-128"/>
                <a:ea typeface="ＭＳ ゴシック" panose="020B0609070205080204" pitchFamily="49" charset="-128"/>
              </a:rPr>
              <a:t>　　　解体時の構造系の検討不足</a:t>
            </a:r>
            <a:endParaRPr kumimoji="1" lang="en-US" altLang="ja-JP" sz="2000" dirty="0">
              <a:latin typeface="ＭＳ ゴシック" panose="020B0609070205080204" pitchFamily="49" charset="-128"/>
              <a:ea typeface="ＭＳ ゴシック" panose="020B0609070205080204" pitchFamily="49" charset="-128"/>
            </a:endParaRPr>
          </a:p>
          <a:p>
            <a:r>
              <a:rPr lang="ja-JP" altLang="en-US" sz="2000" dirty="0">
                <a:latin typeface="ＭＳ ゴシック" panose="020B0609070205080204" pitchFamily="49" charset="-128"/>
                <a:ea typeface="ＭＳ ゴシック" panose="020B0609070205080204" pitchFamily="49" charset="-128"/>
              </a:rPr>
              <a:t>　　　再劣化</a:t>
            </a:r>
            <a:endParaRPr lang="en-US" altLang="ja-JP" sz="2000" dirty="0">
              <a:latin typeface="ＭＳ ゴシック" panose="020B0609070205080204" pitchFamily="49" charset="-128"/>
              <a:ea typeface="ＭＳ ゴシック" panose="020B0609070205080204" pitchFamily="49" charset="-128"/>
            </a:endParaRPr>
          </a:p>
          <a:p>
            <a:r>
              <a:rPr kumimoji="1" lang="ja-JP" altLang="en-US" sz="2000" dirty="0">
                <a:latin typeface="ＭＳ ゴシック" panose="020B0609070205080204" pitchFamily="49" charset="-128"/>
                <a:ea typeface="ＭＳ ゴシック" panose="020B0609070205080204" pitchFamily="49" charset="-128"/>
              </a:rPr>
              <a:t>　　　放置</a:t>
            </a:r>
            <a:endParaRPr kumimoji="1" lang="en-US" altLang="ja-JP" sz="2000" dirty="0">
              <a:latin typeface="ＭＳ ゴシック" panose="020B0609070205080204" pitchFamily="49" charset="-128"/>
              <a:ea typeface="ＭＳ ゴシック" panose="020B0609070205080204" pitchFamily="49" charset="-128"/>
            </a:endParaRPr>
          </a:p>
          <a:p>
            <a:r>
              <a:rPr lang="ja-JP" altLang="en-US" sz="2000" dirty="0">
                <a:latin typeface="ＭＳ ゴシック" panose="020B0609070205080204" pitchFamily="49" charset="-128"/>
                <a:ea typeface="ＭＳ ゴシック" panose="020B0609070205080204" pitchFamily="49" charset="-128"/>
              </a:rPr>
              <a:t>　　　認識不足</a:t>
            </a:r>
            <a:endParaRPr kumimoji="1" lang="ja-JP" altLang="en-US" sz="20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2226629661"/>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C7939E29-AED7-55EF-A56E-4E4F2847D870}"/>
              </a:ext>
            </a:extLst>
          </p:cNvPr>
          <p:cNvSpPr txBox="1"/>
          <p:nvPr/>
        </p:nvSpPr>
        <p:spPr>
          <a:xfrm>
            <a:off x="324683" y="105013"/>
            <a:ext cx="8494633" cy="6647974"/>
          </a:xfrm>
          <a:prstGeom prst="rect">
            <a:avLst/>
          </a:prstGeom>
          <a:noFill/>
        </p:spPr>
        <p:txBody>
          <a:bodyPr wrap="none" rtlCol="0">
            <a:spAutoFit/>
          </a:bodyPr>
          <a:lstStyle/>
          <a:p>
            <a:r>
              <a:rPr kumimoji="1" lang="ja-JP" altLang="en-US" sz="2400" dirty="0"/>
              <a:t>何が問題か</a:t>
            </a:r>
            <a:endParaRPr kumimoji="1" lang="en-US" altLang="ja-JP" sz="2400" dirty="0"/>
          </a:p>
          <a:p>
            <a:endParaRPr lang="en-US" altLang="ja-JP" dirty="0"/>
          </a:p>
          <a:p>
            <a:r>
              <a:rPr kumimoji="1" lang="ja-JP" altLang="en-US" sz="2400" dirty="0"/>
              <a:t>①設計施工の分離</a:t>
            </a:r>
            <a:endParaRPr kumimoji="1" lang="en-US" altLang="ja-JP" sz="2400" dirty="0"/>
          </a:p>
          <a:p>
            <a:r>
              <a:rPr lang="ja-JP" altLang="en-US" sz="2400" dirty="0"/>
              <a:t>　　　現在工事発注時に、設計（コンサル）と施工</a:t>
            </a:r>
            <a:endParaRPr lang="en-US" altLang="ja-JP" sz="2400" dirty="0"/>
          </a:p>
          <a:p>
            <a:r>
              <a:rPr lang="ja-JP" altLang="en-US" sz="2400" dirty="0"/>
              <a:t>　　（ゼネコンなど）が分離情報の分断が起きる。</a:t>
            </a:r>
            <a:endParaRPr lang="en-US" altLang="ja-JP" sz="2400" dirty="0"/>
          </a:p>
          <a:p>
            <a:r>
              <a:rPr kumimoji="1" lang="ja-JP" altLang="en-US" sz="2400" dirty="0"/>
              <a:t>　　　また、施工経験の無いコンサルが施工計画を実施。</a:t>
            </a:r>
            <a:endParaRPr kumimoji="1" lang="en-US" altLang="ja-JP" sz="2400" dirty="0"/>
          </a:p>
          <a:p>
            <a:endParaRPr lang="en-US" altLang="ja-JP" sz="2400" dirty="0"/>
          </a:p>
          <a:p>
            <a:r>
              <a:rPr lang="ja-JP" altLang="en-US" sz="2400" dirty="0"/>
              <a:t>②度重なる設計変更</a:t>
            </a:r>
            <a:endParaRPr lang="en-US" altLang="ja-JP" sz="2400" dirty="0"/>
          </a:p>
          <a:p>
            <a:r>
              <a:rPr lang="ja-JP" altLang="en-US" sz="2400" dirty="0"/>
              <a:t>　　　設計条件や細部構造などの変更がたびたび起きると</a:t>
            </a:r>
            <a:endParaRPr lang="en-US" altLang="ja-JP" sz="2400" dirty="0"/>
          </a:p>
          <a:p>
            <a:r>
              <a:rPr lang="ja-JP" altLang="en-US" sz="2400" dirty="0"/>
              <a:t>　　　ミスを誘発する。これは、発注者の問題がある。</a:t>
            </a:r>
            <a:endParaRPr lang="en-US" altLang="ja-JP" sz="2400" dirty="0"/>
          </a:p>
          <a:p>
            <a:endParaRPr lang="en-US" altLang="ja-JP" sz="2400" dirty="0"/>
          </a:p>
          <a:p>
            <a:r>
              <a:rPr kumimoji="1" lang="ja-JP" altLang="en-US" sz="2400" dirty="0"/>
              <a:t>③計画の不備</a:t>
            </a:r>
            <a:endParaRPr kumimoji="1" lang="en-US" altLang="ja-JP" sz="2400" dirty="0"/>
          </a:p>
          <a:p>
            <a:r>
              <a:rPr lang="ja-JP" altLang="en-US" sz="2400" dirty="0"/>
              <a:t>　　　現場の地形や、地質等の初期の調査が不十分</a:t>
            </a:r>
            <a:endParaRPr lang="en-US" altLang="ja-JP" sz="2400" dirty="0"/>
          </a:p>
          <a:p>
            <a:endParaRPr kumimoji="1" lang="en-US" altLang="ja-JP" sz="2400" dirty="0"/>
          </a:p>
          <a:p>
            <a:r>
              <a:rPr lang="ja-JP" altLang="en-US" sz="2400" dirty="0"/>
              <a:t>④維持管理上</a:t>
            </a:r>
            <a:endParaRPr lang="en-US" altLang="ja-JP" sz="2400" dirty="0"/>
          </a:p>
          <a:p>
            <a:r>
              <a:rPr kumimoji="1" lang="ja-JP" altLang="en-US" sz="2400" dirty="0"/>
              <a:t>　　　全体的な経験不足から維持管理への配慮不足と見極め</a:t>
            </a:r>
            <a:endParaRPr kumimoji="1" lang="en-US" altLang="ja-JP" sz="2400" dirty="0"/>
          </a:p>
          <a:p>
            <a:r>
              <a:rPr kumimoji="1" lang="ja-JP" altLang="en-US" sz="2400" dirty="0"/>
              <a:t>　　　ができない。</a:t>
            </a:r>
            <a:r>
              <a:rPr lang="ja-JP" altLang="en-US" sz="2400" dirty="0"/>
              <a:t>点検も表面しか見ていない。</a:t>
            </a:r>
            <a:endParaRPr lang="en-US" altLang="ja-JP" sz="2400" dirty="0"/>
          </a:p>
          <a:p>
            <a:r>
              <a:rPr lang="ja-JP" altLang="en-US" sz="2400" dirty="0"/>
              <a:t>　　　今後事故が増加する懸念。</a:t>
            </a:r>
            <a:endParaRPr kumimoji="1" lang="ja-JP" altLang="en-US" sz="2400" dirty="0"/>
          </a:p>
        </p:txBody>
      </p:sp>
    </p:spTree>
    <p:extLst>
      <p:ext uri="{BB962C8B-B14F-4D97-AF65-F5344CB8AC3E}">
        <p14:creationId xmlns:p14="http://schemas.microsoft.com/office/powerpoint/2010/main" val="408799692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6" name="フリーフォーム 58">
            <a:extLst>
              <a:ext uri="{FF2B5EF4-FFF2-40B4-BE49-F238E27FC236}">
                <a16:creationId xmlns:a16="http://schemas.microsoft.com/office/drawing/2014/main" id="{470812AB-12E4-0514-1C8A-0111C2E59723}"/>
              </a:ext>
            </a:extLst>
          </p:cNvPr>
          <p:cNvSpPr>
            <a:spLocks/>
          </p:cNvSpPr>
          <p:nvPr/>
        </p:nvSpPr>
        <p:spPr bwMode="auto">
          <a:xfrm>
            <a:off x="7092950" y="1360488"/>
            <a:ext cx="203200" cy="996950"/>
          </a:xfrm>
          <a:custGeom>
            <a:avLst/>
            <a:gdLst>
              <a:gd name="T0" fmla="*/ 203200 w 203200"/>
              <a:gd name="T1" fmla="*/ 0 h 965200"/>
              <a:gd name="T2" fmla="*/ 203200 w 203200"/>
              <a:gd name="T3" fmla="*/ 8499 h 965200"/>
              <a:gd name="T4" fmla="*/ 0 w 203200"/>
              <a:gd name="T5" fmla="*/ 8779 h 965200"/>
              <a:gd name="T6" fmla="*/ 6350 w 203200"/>
              <a:gd name="T7" fmla="*/ 1334068 h 965200"/>
              <a:gd name="T8" fmla="*/ 190500 w 203200"/>
              <a:gd name="T9" fmla="*/ 1334068 h 965200"/>
              <a:gd name="T10" fmla="*/ 0 60000 65536"/>
              <a:gd name="T11" fmla="*/ 0 60000 65536"/>
              <a:gd name="T12" fmla="*/ 0 60000 65536"/>
              <a:gd name="T13" fmla="*/ 0 60000 65536"/>
              <a:gd name="T14" fmla="*/ 0 60000 65536"/>
              <a:gd name="T15" fmla="*/ 0 w 203200"/>
              <a:gd name="T16" fmla="*/ 0 h 965200"/>
              <a:gd name="T17" fmla="*/ 203200 w 203200"/>
              <a:gd name="T18" fmla="*/ 965200 h 965200"/>
            </a:gdLst>
            <a:ahLst/>
            <a:cxnLst>
              <a:cxn ang="T10">
                <a:pos x="T0" y="T1"/>
              </a:cxn>
              <a:cxn ang="T11">
                <a:pos x="T2" y="T3"/>
              </a:cxn>
              <a:cxn ang="T12">
                <a:pos x="T4" y="T5"/>
              </a:cxn>
              <a:cxn ang="T13">
                <a:pos x="T6" y="T7"/>
              </a:cxn>
              <a:cxn ang="T14">
                <a:pos x="T8" y="T9"/>
              </a:cxn>
            </a:cxnLst>
            <a:rect l="T15" t="T16" r="T17" b="T18"/>
            <a:pathLst>
              <a:path w="203200" h="965200">
                <a:moveTo>
                  <a:pt x="203200" y="0"/>
                </a:moveTo>
                <a:lnTo>
                  <a:pt x="203200" y="6148"/>
                </a:lnTo>
                <a:lnTo>
                  <a:pt x="0" y="6350"/>
                </a:lnTo>
                <a:cubicBezTo>
                  <a:pt x="2117" y="325967"/>
                  <a:pt x="4233" y="645583"/>
                  <a:pt x="6350" y="965200"/>
                </a:cubicBezTo>
                <a:lnTo>
                  <a:pt x="190500" y="965200"/>
                </a:lnTo>
              </a:path>
            </a:pathLst>
          </a:custGeom>
          <a:ln>
            <a:headEnd/>
            <a:tailEnd/>
          </a:ln>
        </p:spPr>
        <p:style>
          <a:lnRef idx="1">
            <a:schemeClr val="dk1"/>
          </a:lnRef>
          <a:fillRef idx="0">
            <a:schemeClr val="dk1"/>
          </a:fillRef>
          <a:effectRef idx="0">
            <a:schemeClr val="dk1"/>
          </a:effectRef>
          <a:fontRef idx="minor">
            <a:schemeClr val="tx1"/>
          </a:fontRef>
        </p:style>
        <p:txBody>
          <a:bodyPr anchor="ctr"/>
          <a:lstStyle/>
          <a:p>
            <a:pPr eaLnBrk="1" hangingPunct="1">
              <a:defRPr/>
            </a:pPr>
            <a:endParaRPr lang="ja-JP" altLang="en-US"/>
          </a:p>
        </p:txBody>
      </p:sp>
      <p:sp>
        <p:nvSpPr>
          <p:cNvPr id="56323" name="Rectangle 2">
            <a:extLst>
              <a:ext uri="{FF2B5EF4-FFF2-40B4-BE49-F238E27FC236}">
                <a16:creationId xmlns:a16="http://schemas.microsoft.com/office/drawing/2014/main" id="{136E01C2-DBD4-63E7-18DA-1BBB70C41BD0}"/>
              </a:ext>
            </a:extLst>
          </p:cNvPr>
          <p:cNvSpPr>
            <a:spLocks noGrp="1" noChangeArrowheads="1"/>
          </p:cNvSpPr>
          <p:nvPr>
            <p:ph type="title" idx="4294967295"/>
          </p:nvPr>
        </p:nvSpPr>
        <p:spPr>
          <a:xfrm>
            <a:off x="0" y="188913"/>
            <a:ext cx="9144000" cy="538674"/>
          </a:xfrm>
          <a:solidFill>
            <a:schemeClr val="bg2"/>
          </a:solidFill>
          <a:ln w="38100" cap="flat" algn="ctr">
            <a:solidFill>
              <a:schemeClr val="folHlink"/>
            </a:solidFill>
            <a:miter lim="800000"/>
            <a:headEnd/>
            <a:tailEnd/>
          </a:ln>
        </p:spPr>
        <p:txBody>
          <a:bodyPr anchor="t">
            <a:spAutoFit/>
          </a:bodyPr>
          <a:lstStyle/>
          <a:p>
            <a:pPr eaLnBrk="1" hangingPunct="1">
              <a:spcBef>
                <a:spcPct val="50000"/>
              </a:spcBef>
            </a:pPr>
            <a:r>
              <a:rPr lang="ja-JP" altLang="en-US" sz="3200" dirty="0"/>
              <a:t>構造物調査の種類だけでも　</a:t>
            </a:r>
            <a:r>
              <a:rPr lang="ja-JP" altLang="en-US" sz="2000" dirty="0"/>
              <a:t>（非破壊検査をもっと活用）</a:t>
            </a:r>
          </a:p>
        </p:txBody>
      </p:sp>
      <p:cxnSp>
        <p:nvCxnSpPr>
          <p:cNvPr id="6148" name="_s197638">
            <a:extLst>
              <a:ext uri="{FF2B5EF4-FFF2-40B4-BE49-F238E27FC236}">
                <a16:creationId xmlns:a16="http://schemas.microsoft.com/office/drawing/2014/main" id="{CFB64157-E191-31AF-38D8-AE1F76E7A431}"/>
              </a:ext>
            </a:extLst>
          </p:cNvPr>
          <p:cNvCxnSpPr>
            <a:cxnSpLocks noChangeShapeType="1"/>
            <a:stCxn id="6173" idx="4"/>
          </p:cNvCxnSpPr>
          <p:nvPr/>
        </p:nvCxnSpPr>
        <p:spPr bwMode="auto">
          <a:xfrm flipV="1">
            <a:off x="3933825" y="1947863"/>
            <a:ext cx="192088" cy="2862262"/>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49" name="_s197639">
            <a:extLst>
              <a:ext uri="{FF2B5EF4-FFF2-40B4-BE49-F238E27FC236}">
                <a16:creationId xmlns:a16="http://schemas.microsoft.com/office/drawing/2014/main" id="{03F17A20-03F8-EFD0-E986-7F8CC5B3D36E}"/>
              </a:ext>
            </a:extLst>
          </p:cNvPr>
          <p:cNvCxnSpPr>
            <a:cxnSpLocks noChangeShapeType="1"/>
            <a:stCxn id="6172" idx="2"/>
            <a:endCxn id="6167" idx="3"/>
          </p:cNvCxnSpPr>
          <p:nvPr/>
        </p:nvCxnSpPr>
        <p:spPr bwMode="auto">
          <a:xfrm rot="10800000">
            <a:off x="5989640" y="2474915"/>
            <a:ext cx="185737" cy="928687"/>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50" name="_s197642">
            <a:extLst>
              <a:ext uri="{FF2B5EF4-FFF2-40B4-BE49-F238E27FC236}">
                <a16:creationId xmlns:a16="http://schemas.microsoft.com/office/drawing/2014/main" id="{CD0CCF70-504F-73DC-40B9-D3B03E63F871}"/>
              </a:ext>
            </a:extLst>
          </p:cNvPr>
          <p:cNvCxnSpPr>
            <a:cxnSpLocks noChangeShapeType="1"/>
            <a:stCxn id="6169" idx="2"/>
            <a:endCxn id="6167" idx="3"/>
          </p:cNvCxnSpPr>
          <p:nvPr/>
        </p:nvCxnSpPr>
        <p:spPr bwMode="auto">
          <a:xfrm rot="10800000">
            <a:off x="5989640" y="2474913"/>
            <a:ext cx="185737" cy="571500"/>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51" name="_s197643">
            <a:extLst>
              <a:ext uri="{FF2B5EF4-FFF2-40B4-BE49-F238E27FC236}">
                <a16:creationId xmlns:a16="http://schemas.microsoft.com/office/drawing/2014/main" id="{7FEE05A5-6202-448F-7009-6F5C03CCEDFE}"/>
              </a:ext>
            </a:extLst>
          </p:cNvPr>
          <p:cNvCxnSpPr>
            <a:cxnSpLocks noChangeShapeType="1"/>
            <a:stCxn id="6168" idx="2"/>
            <a:endCxn id="6167" idx="3"/>
          </p:cNvCxnSpPr>
          <p:nvPr/>
        </p:nvCxnSpPr>
        <p:spPr bwMode="auto">
          <a:xfrm rot="10800000">
            <a:off x="5989640" y="2474913"/>
            <a:ext cx="185737" cy="215900"/>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52" name="_s197644">
            <a:extLst>
              <a:ext uri="{FF2B5EF4-FFF2-40B4-BE49-F238E27FC236}">
                <a16:creationId xmlns:a16="http://schemas.microsoft.com/office/drawing/2014/main" id="{9E39F073-3552-B967-4944-1600DDAC4C58}"/>
              </a:ext>
            </a:extLst>
          </p:cNvPr>
          <p:cNvCxnSpPr>
            <a:cxnSpLocks noChangeShapeType="1"/>
          </p:cNvCxnSpPr>
          <p:nvPr/>
        </p:nvCxnSpPr>
        <p:spPr bwMode="auto">
          <a:xfrm rot="10800000">
            <a:off x="5327652" y="1608138"/>
            <a:ext cx="180975" cy="730250"/>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53" name="_s197645">
            <a:extLst>
              <a:ext uri="{FF2B5EF4-FFF2-40B4-BE49-F238E27FC236}">
                <a16:creationId xmlns:a16="http://schemas.microsoft.com/office/drawing/2014/main" id="{A931D2BA-0BB1-FB67-1A9E-8A58117E9879}"/>
              </a:ext>
            </a:extLst>
          </p:cNvPr>
          <p:cNvCxnSpPr>
            <a:cxnSpLocks noChangeShapeType="1"/>
          </p:cNvCxnSpPr>
          <p:nvPr/>
        </p:nvCxnSpPr>
        <p:spPr bwMode="auto">
          <a:xfrm rot="10800000">
            <a:off x="5327652" y="1608138"/>
            <a:ext cx="180975" cy="271462"/>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54" name="_s197646">
            <a:extLst>
              <a:ext uri="{FF2B5EF4-FFF2-40B4-BE49-F238E27FC236}">
                <a16:creationId xmlns:a16="http://schemas.microsoft.com/office/drawing/2014/main" id="{063B82D1-3302-3AC3-B539-726BF913F2A6}"/>
              </a:ext>
            </a:extLst>
          </p:cNvPr>
          <p:cNvCxnSpPr>
            <a:cxnSpLocks noChangeShapeType="1"/>
            <a:stCxn id="6165" idx="4"/>
          </p:cNvCxnSpPr>
          <p:nvPr/>
        </p:nvCxnSpPr>
        <p:spPr bwMode="auto">
          <a:xfrm flipV="1">
            <a:off x="3933825" y="1930402"/>
            <a:ext cx="192088" cy="2530475"/>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55" name="_s197647">
            <a:extLst>
              <a:ext uri="{FF2B5EF4-FFF2-40B4-BE49-F238E27FC236}">
                <a16:creationId xmlns:a16="http://schemas.microsoft.com/office/drawing/2014/main" id="{225D5814-565F-493D-241B-326B76F9749E}"/>
              </a:ext>
            </a:extLst>
          </p:cNvPr>
          <p:cNvCxnSpPr>
            <a:cxnSpLocks noChangeShapeType="1"/>
            <a:stCxn id="6164" idx="4"/>
          </p:cNvCxnSpPr>
          <p:nvPr/>
        </p:nvCxnSpPr>
        <p:spPr bwMode="auto">
          <a:xfrm flipV="1">
            <a:off x="3933825" y="1585915"/>
            <a:ext cx="192088" cy="1189037"/>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56" name="_s197648">
            <a:extLst>
              <a:ext uri="{FF2B5EF4-FFF2-40B4-BE49-F238E27FC236}">
                <a16:creationId xmlns:a16="http://schemas.microsoft.com/office/drawing/2014/main" id="{DCCDB1C6-B0CF-4A1C-B545-C98C0F0E4127}"/>
              </a:ext>
            </a:extLst>
          </p:cNvPr>
          <p:cNvCxnSpPr>
            <a:cxnSpLocks noChangeShapeType="1"/>
            <a:stCxn id="6163" idx="4"/>
          </p:cNvCxnSpPr>
          <p:nvPr/>
        </p:nvCxnSpPr>
        <p:spPr bwMode="auto">
          <a:xfrm flipV="1">
            <a:off x="3922713" y="1603377"/>
            <a:ext cx="203200" cy="790575"/>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57" name="_s197649">
            <a:extLst>
              <a:ext uri="{FF2B5EF4-FFF2-40B4-BE49-F238E27FC236}">
                <a16:creationId xmlns:a16="http://schemas.microsoft.com/office/drawing/2014/main" id="{2BC9805F-D126-9FF3-EC8F-783A21E1C196}"/>
              </a:ext>
            </a:extLst>
          </p:cNvPr>
          <p:cNvCxnSpPr>
            <a:cxnSpLocks noChangeShapeType="1"/>
            <a:stCxn id="6162" idx="4"/>
            <a:endCxn id="6203" idx="3"/>
          </p:cNvCxnSpPr>
          <p:nvPr/>
        </p:nvCxnSpPr>
        <p:spPr bwMode="auto">
          <a:xfrm flipV="1">
            <a:off x="3935415" y="1700215"/>
            <a:ext cx="185737" cy="223837"/>
          </a:xfrm>
          <a:prstGeom prst="bentConnector2">
            <a:avLst/>
          </a:prstGeom>
          <a:ln>
            <a:headEnd/>
            <a:tailEnd/>
          </a:ln>
        </p:spPr>
        <p:style>
          <a:lnRef idx="1">
            <a:schemeClr val="dk1"/>
          </a:lnRef>
          <a:fillRef idx="0">
            <a:schemeClr val="dk1"/>
          </a:fillRef>
          <a:effectRef idx="0">
            <a:schemeClr val="dk1"/>
          </a:effectRef>
          <a:fontRef idx="minor">
            <a:schemeClr val="tx1"/>
          </a:fontRef>
        </p:style>
      </p:cxnSp>
      <p:cxnSp>
        <p:nvCxnSpPr>
          <p:cNvPr id="6158" name="_s197650">
            <a:extLst>
              <a:ext uri="{FF2B5EF4-FFF2-40B4-BE49-F238E27FC236}">
                <a16:creationId xmlns:a16="http://schemas.microsoft.com/office/drawing/2014/main" id="{C2CADD7C-64A6-1C7E-6C69-7CDB9CE9F091}"/>
              </a:ext>
            </a:extLst>
          </p:cNvPr>
          <p:cNvCxnSpPr>
            <a:cxnSpLocks noChangeShapeType="1"/>
            <a:stCxn id="6161" idx="0"/>
            <a:endCxn id="6160" idx="3"/>
          </p:cNvCxnSpPr>
          <p:nvPr/>
        </p:nvCxnSpPr>
        <p:spPr bwMode="auto">
          <a:xfrm rot="16200000" flipV="1">
            <a:off x="4991100" y="966788"/>
            <a:ext cx="101600" cy="755650"/>
          </a:xfrm>
          <a:prstGeom prst="bentConnector3">
            <a:avLst>
              <a:gd name="adj1" fmla="val 50000"/>
            </a:avLst>
          </a:prstGeom>
          <a:ln>
            <a:headEnd/>
            <a:tailEnd/>
          </a:ln>
        </p:spPr>
        <p:style>
          <a:lnRef idx="1">
            <a:schemeClr val="dk1"/>
          </a:lnRef>
          <a:fillRef idx="0">
            <a:schemeClr val="dk1"/>
          </a:fillRef>
          <a:effectRef idx="0">
            <a:schemeClr val="dk1"/>
          </a:effectRef>
          <a:fontRef idx="minor">
            <a:schemeClr val="tx1"/>
          </a:fontRef>
        </p:style>
      </p:cxnSp>
      <p:cxnSp>
        <p:nvCxnSpPr>
          <p:cNvPr id="6159" name="_s197651">
            <a:extLst>
              <a:ext uri="{FF2B5EF4-FFF2-40B4-BE49-F238E27FC236}">
                <a16:creationId xmlns:a16="http://schemas.microsoft.com/office/drawing/2014/main" id="{EB81D075-4ECB-9AE2-CF98-4A66860D7CD6}"/>
              </a:ext>
            </a:extLst>
          </p:cNvPr>
          <p:cNvCxnSpPr>
            <a:cxnSpLocks noChangeShapeType="1"/>
            <a:stCxn id="6203" idx="0"/>
            <a:endCxn id="6160" idx="3"/>
          </p:cNvCxnSpPr>
          <p:nvPr/>
        </p:nvCxnSpPr>
        <p:spPr bwMode="auto">
          <a:xfrm rot="5400000" flipH="1" flipV="1">
            <a:off x="4357688" y="1089027"/>
            <a:ext cx="101600" cy="511175"/>
          </a:xfrm>
          <a:prstGeom prst="bentConnector3">
            <a:avLst>
              <a:gd name="adj1" fmla="val 50000"/>
            </a:avLst>
          </a:prstGeom>
          <a:ln>
            <a:headEnd/>
            <a:tailEnd/>
          </a:ln>
        </p:spPr>
        <p:style>
          <a:lnRef idx="1">
            <a:schemeClr val="dk1"/>
          </a:lnRef>
          <a:fillRef idx="0">
            <a:schemeClr val="dk1"/>
          </a:fillRef>
          <a:effectRef idx="0">
            <a:schemeClr val="dk1"/>
          </a:effectRef>
          <a:fontRef idx="minor">
            <a:schemeClr val="tx1"/>
          </a:fontRef>
        </p:style>
      </p:cxnSp>
      <p:sp>
        <p:nvSpPr>
          <p:cNvPr id="6160" name="_s197652">
            <a:extLst>
              <a:ext uri="{FF2B5EF4-FFF2-40B4-BE49-F238E27FC236}">
                <a16:creationId xmlns:a16="http://schemas.microsoft.com/office/drawing/2014/main" id="{68933215-4FC0-4E85-8047-88346CA6219B}"/>
              </a:ext>
            </a:extLst>
          </p:cNvPr>
          <p:cNvSpPr>
            <a:spLocks noChangeArrowheads="1"/>
          </p:cNvSpPr>
          <p:nvPr/>
        </p:nvSpPr>
        <p:spPr bwMode="auto">
          <a:xfrm>
            <a:off x="4121152" y="981075"/>
            <a:ext cx="1120775" cy="31273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18599" tIns="9301" rIns="18599" bIns="9301" anchor="ctr"/>
          <a:lstStyle/>
          <a:p>
            <a:pPr algn="ctr" eaLnBrk="1" hangingPunct="1">
              <a:defRPr/>
            </a:pPr>
            <a:r>
              <a:rPr lang="ja-JP" altLang="en-US" sz="1200" b="1" dirty="0"/>
              <a:t>調査方法</a:t>
            </a:r>
          </a:p>
        </p:txBody>
      </p:sp>
      <p:sp>
        <p:nvSpPr>
          <p:cNvPr id="6161" name="_s197654">
            <a:extLst>
              <a:ext uri="{FF2B5EF4-FFF2-40B4-BE49-F238E27FC236}">
                <a16:creationId xmlns:a16="http://schemas.microsoft.com/office/drawing/2014/main" id="{A1272972-2496-B2CC-BEC1-7BCE95EA78DE}"/>
              </a:ext>
            </a:extLst>
          </p:cNvPr>
          <p:cNvSpPr>
            <a:spLocks noChangeArrowheads="1"/>
          </p:cNvSpPr>
          <p:nvPr/>
        </p:nvSpPr>
        <p:spPr bwMode="auto">
          <a:xfrm>
            <a:off x="4816477" y="1395413"/>
            <a:ext cx="1173163" cy="3048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18599" tIns="9301" rIns="18599" bIns="9301" anchor="ctr"/>
          <a:lstStyle/>
          <a:p>
            <a:pPr eaLnBrk="1" hangingPunct="1">
              <a:defRPr/>
            </a:pPr>
            <a:r>
              <a:rPr lang="ja-JP" altLang="en-US" sz="1200" b="1" dirty="0"/>
              <a:t>微破壊・破壊法</a:t>
            </a:r>
          </a:p>
        </p:txBody>
      </p:sp>
      <p:sp>
        <p:nvSpPr>
          <p:cNvPr id="6162" name="_s197655">
            <a:extLst>
              <a:ext uri="{FF2B5EF4-FFF2-40B4-BE49-F238E27FC236}">
                <a16:creationId xmlns:a16="http://schemas.microsoft.com/office/drawing/2014/main" id="{7272AB14-17A6-FBA7-DF16-70F873EED313}"/>
              </a:ext>
            </a:extLst>
          </p:cNvPr>
          <p:cNvSpPr>
            <a:spLocks noChangeArrowheads="1"/>
          </p:cNvSpPr>
          <p:nvPr/>
        </p:nvSpPr>
        <p:spPr bwMode="auto">
          <a:xfrm>
            <a:off x="2949577" y="1755775"/>
            <a:ext cx="1019175" cy="3048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18599" tIns="9301" rIns="18599" bIns="9301" anchor="ctr"/>
          <a:lstStyle/>
          <a:p>
            <a:pPr eaLnBrk="1" hangingPunct="1">
              <a:defRPr/>
            </a:pPr>
            <a:r>
              <a:rPr lang="ja-JP" altLang="en-US" sz="1200" dirty="0"/>
              <a:t>目視法</a:t>
            </a:r>
          </a:p>
        </p:txBody>
      </p:sp>
      <p:sp>
        <p:nvSpPr>
          <p:cNvPr id="6163" name="_s197656">
            <a:extLst>
              <a:ext uri="{FF2B5EF4-FFF2-40B4-BE49-F238E27FC236}">
                <a16:creationId xmlns:a16="http://schemas.microsoft.com/office/drawing/2014/main" id="{862E1952-1641-D38B-526C-640C2CA50986}"/>
              </a:ext>
            </a:extLst>
          </p:cNvPr>
          <p:cNvSpPr>
            <a:spLocks noChangeArrowheads="1"/>
          </p:cNvSpPr>
          <p:nvPr/>
        </p:nvSpPr>
        <p:spPr bwMode="auto">
          <a:xfrm>
            <a:off x="2846390" y="2165350"/>
            <a:ext cx="1120775" cy="41275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18599" tIns="9301" rIns="18599" bIns="9301" anchor="ctr"/>
          <a:lstStyle/>
          <a:p>
            <a:pPr eaLnBrk="1" hangingPunct="1">
              <a:defRPr/>
            </a:pPr>
            <a:r>
              <a:rPr lang="ja-JP" altLang="en-US" sz="1100" dirty="0"/>
              <a:t>赤外線法</a:t>
            </a:r>
          </a:p>
          <a:p>
            <a:pPr eaLnBrk="1" hangingPunct="1">
              <a:defRPr/>
            </a:pPr>
            <a:r>
              <a:rPr lang="ja-JP" altLang="en-US" sz="1100" dirty="0"/>
              <a:t>（サーモグラフィー</a:t>
            </a:r>
            <a:r>
              <a:rPr lang="en-US" altLang="ja-JP" sz="1100" dirty="0"/>
              <a:t>)</a:t>
            </a:r>
          </a:p>
        </p:txBody>
      </p:sp>
      <p:sp>
        <p:nvSpPr>
          <p:cNvPr id="6164" name="_s197657">
            <a:extLst>
              <a:ext uri="{FF2B5EF4-FFF2-40B4-BE49-F238E27FC236}">
                <a16:creationId xmlns:a16="http://schemas.microsoft.com/office/drawing/2014/main" id="{75655382-F676-E836-2A48-7F295B770E3F}"/>
              </a:ext>
            </a:extLst>
          </p:cNvPr>
          <p:cNvSpPr>
            <a:spLocks noChangeArrowheads="1"/>
          </p:cNvSpPr>
          <p:nvPr/>
        </p:nvSpPr>
        <p:spPr bwMode="auto">
          <a:xfrm>
            <a:off x="2947990" y="2605090"/>
            <a:ext cx="1019175" cy="306387"/>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18599" tIns="9301" rIns="18599" bIns="9301" anchor="ctr"/>
          <a:lstStyle/>
          <a:p>
            <a:pPr eaLnBrk="1" hangingPunct="1">
              <a:defRPr/>
            </a:pPr>
            <a:r>
              <a:rPr lang="ja-JP" altLang="en-US" sz="1200" dirty="0"/>
              <a:t>弾性波法</a:t>
            </a:r>
          </a:p>
        </p:txBody>
      </p:sp>
      <p:sp>
        <p:nvSpPr>
          <p:cNvPr id="6165" name="_s197658">
            <a:extLst>
              <a:ext uri="{FF2B5EF4-FFF2-40B4-BE49-F238E27FC236}">
                <a16:creationId xmlns:a16="http://schemas.microsoft.com/office/drawing/2014/main" id="{CF563A2D-8329-88BB-E161-74F03FAF68D2}"/>
              </a:ext>
            </a:extLst>
          </p:cNvPr>
          <p:cNvSpPr>
            <a:spLocks noChangeArrowheads="1"/>
          </p:cNvSpPr>
          <p:nvPr/>
        </p:nvSpPr>
        <p:spPr bwMode="auto">
          <a:xfrm>
            <a:off x="2947990" y="4292600"/>
            <a:ext cx="1019175" cy="3048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18599" tIns="9301" rIns="18599" bIns="9301" anchor="ctr"/>
          <a:lstStyle/>
          <a:p>
            <a:pPr eaLnBrk="1" hangingPunct="1">
              <a:defRPr/>
            </a:pPr>
            <a:r>
              <a:rPr lang="ja-JP" altLang="en-US" sz="1200" dirty="0"/>
              <a:t>反発度測定法</a:t>
            </a:r>
          </a:p>
        </p:txBody>
      </p:sp>
      <p:sp>
        <p:nvSpPr>
          <p:cNvPr id="6166" name="_s197659">
            <a:extLst>
              <a:ext uri="{FF2B5EF4-FFF2-40B4-BE49-F238E27FC236}">
                <a16:creationId xmlns:a16="http://schemas.microsoft.com/office/drawing/2014/main" id="{736FBC46-3ABF-032A-6A0E-E7FE7571C13D}"/>
              </a:ext>
            </a:extLst>
          </p:cNvPr>
          <p:cNvSpPr>
            <a:spLocks noChangeArrowheads="1"/>
          </p:cNvSpPr>
          <p:nvPr/>
        </p:nvSpPr>
        <p:spPr bwMode="auto">
          <a:xfrm>
            <a:off x="5495927" y="1755775"/>
            <a:ext cx="1381125" cy="3048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21382" tIns="10689" rIns="21382" bIns="10689" anchor="ctr"/>
          <a:lstStyle/>
          <a:p>
            <a:pPr eaLnBrk="1" hangingPunct="1">
              <a:defRPr/>
            </a:pPr>
            <a:r>
              <a:rPr lang="ja-JP" altLang="en-US" sz="900" dirty="0"/>
              <a:t>コンクリートコアによる試験</a:t>
            </a:r>
          </a:p>
        </p:txBody>
      </p:sp>
      <p:sp>
        <p:nvSpPr>
          <p:cNvPr id="6167" name="_s197660">
            <a:extLst>
              <a:ext uri="{FF2B5EF4-FFF2-40B4-BE49-F238E27FC236}">
                <a16:creationId xmlns:a16="http://schemas.microsoft.com/office/drawing/2014/main" id="{991EEFD4-8AB8-3F48-4D15-437E7CE358A6}"/>
              </a:ext>
            </a:extLst>
          </p:cNvPr>
          <p:cNvSpPr>
            <a:spLocks noChangeArrowheads="1"/>
          </p:cNvSpPr>
          <p:nvPr/>
        </p:nvSpPr>
        <p:spPr bwMode="auto">
          <a:xfrm>
            <a:off x="5495927" y="2170113"/>
            <a:ext cx="1019175" cy="3048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3502" tIns="21751" rIns="43502" bIns="21751" anchor="ctr"/>
          <a:lstStyle/>
          <a:p>
            <a:pPr eaLnBrk="1" hangingPunct="1">
              <a:defRPr/>
            </a:pPr>
            <a:r>
              <a:rPr lang="ja-JP" altLang="en-US" sz="900"/>
              <a:t>はつり調査</a:t>
            </a:r>
          </a:p>
        </p:txBody>
      </p:sp>
      <p:sp>
        <p:nvSpPr>
          <p:cNvPr id="6168" name="_s197661">
            <a:extLst>
              <a:ext uri="{FF2B5EF4-FFF2-40B4-BE49-F238E27FC236}">
                <a16:creationId xmlns:a16="http://schemas.microsoft.com/office/drawing/2014/main" id="{F7B2BB8B-3F5A-1D7A-D25A-B6B265B46F01}"/>
              </a:ext>
            </a:extLst>
          </p:cNvPr>
          <p:cNvSpPr>
            <a:spLocks noChangeArrowheads="1"/>
          </p:cNvSpPr>
          <p:nvPr/>
        </p:nvSpPr>
        <p:spPr bwMode="auto">
          <a:xfrm>
            <a:off x="6175377" y="2578100"/>
            <a:ext cx="1020763" cy="2032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900"/>
              <a:t>鉄筋腐食度調査</a:t>
            </a:r>
          </a:p>
        </p:txBody>
      </p:sp>
      <p:sp>
        <p:nvSpPr>
          <p:cNvPr id="6169" name="_s197662">
            <a:extLst>
              <a:ext uri="{FF2B5EF4-FFF2-40B4-BE49-F238E27FC236}">
                <a16:creationId xmlns:a16="http://schemas.microsoft.com/office/drawing/2014/main" id="{B5BD7D42-CD86-2FD8-C373-D2E0AAF37351}"/>
              </a:ext>
            </a:extLst>
          </p:cNvPr>
          <p:cNvSpPr>
            <a:spLocks noChangeArrowheads="1"/>
          </p:cNvSpPr>
          <p:nvPr/>
        </p:nvSpPr>
        <p:spPr bwMode="auto">
          <a:xfrm>
            <a:off x="6175377" y="2933700"/>
            <a:ext cx="1020763" cy="20478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54201" tIns="27100" rIns="54201" bIns="27100" anchor="ctr"/>
          <a:lstStyle/>
          <a:p>
            <a:pPr eaLnBrk="1" hangingPunct="1">
              <a:defRPr/>
            </a:pPr>
            <a:r>
              <a:rPr lang="ja-JP" altLang="en-US" sz="900"/>
              <a:t>中性化深さ測定</a:t>
            </a:r>
          </a:p>
        </p:txBody>
      </p:sp>
      <p:sp>
        <p:nvSpPr>
          <p:cNvPr id="6170" name="_s197663">
            <a:extLst>
              <a:ext uri="{FF2B5EF4-FFF2-40B4-BE49-F238E27FC236}">
                <a16:creationId xmlns:a16="http://schemas.microsoft.com/office/drawing/2014/main" id="{DE3701DB-F946-073E-3AEA-268C8E02CFA8}"/>
              </a:ext>
            </a:extLst>
          </p:cNvPr>
          <p:cNvSpPr>
            <a:spLocks noChangeArrowheads="1"/>
          </p:cNvSpPr>
          <p:nvPr/>
        </p:nvSpPr>
        <p:spPr bwMode="auto">
          <a:xfrm>
            <a:off x="2268540" y="3000377"/>
            <a:ext cx="1019175" cy="284163"/>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60776" tIns="30389" rIns="60776" bIns="30389" anchor="ctr"/>
          <a:lstStyle/>
          <a:p>
            <a:pPr eaLnBrk="1" hangingPunct="1">
              <a:defRPr/>
            </a:pPr>
            <a:r>
              <a:rPr lang="ja-JP" altLang="en-US" sz="1200" dirty="0"/>
              <a:t>衝撃弾性波法</a:t>
            </a:r>
          </a:p>
        </p:txBody>
      </p:sp>
      <p:sp>
        <p:nvSpPr>
          <p:cNvPr id="6171" name="_s197664">
            <a:extLst>
              <a:ext uri="{FF2B5EF4-FFF2-40B4-BE49-F238E27FC236}">
                <a16:creationId xmlns:a16="http://schemas.microsoft.com/office/drawing/2014/main" id="{820FBB04-4F21-CC60-4AE1-FDCDCDA1BEDA}"/>
              </a:ext>
            </a:extLst>
          </p:cNvPr>
          <p:cNvSpPr>
            <a:spLocks noChangeArrowheads="1"/>
          </p:cNvSpPr>
          <p:nvPr/>
        </p:nvSpPr>
        <p:spPr bwMode="auto">
          <a:xfrm>
            <a:off x="2268540" y="3500438"/>
            <a:ext cx="1019175" cy="277812"/>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66011" tIns="33007" rIns="66011" bIns="33007" anchor="ctr"/>
          <a:lstStyle/>
          <a:p>
            <a:pPr eaLnBrk="1" hangingPunct="1">
              <a:defRPr/>
            </a:pPr>
            <a:r>
              <a:rPr lang="ja-JP" altLang="en-US" sz="1200" dirty="0"/>
              <a:t>超音波法</a:t>
            </a:r>
          </a:p>
        </p:txBody>
      </p:sp>
      <p:sp>
        <p:nvSpPr>
          <p:cNvPr id="6172" name="_s197665">
            <a:extLst>
              <a:ext uri="{FF2B5EF4-FFF2-40B4-BE49-F238E27FC236}">
                <a16:creationId xmlns:a16="http://schemas.microsoft.com/office/drawing/2014/main" id="{75547E06-9CAF-D4FC-22D8-FE55ADFF171D}"/>
              </a:ext>
            </a:extLst>
          </p:cNvPr>
          <p:cNvSpPr>
            <a:spLocks noChangeArrowheads="1"/>
          </p:cNvSpPr>
          <p:nvPr/>
        </p:nvSpPr>
        <p:spPr bwMode="auto">
          <a:xfrm>
            <a:off x="6175377" y="3290890"/>
            <a:ext cx="1020763" cy="204787"/>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81473" tIns="40737" rIns="81473" bIns="40737" anchor="ctr"/>
          <a:lstStyle/>
          <a:p>
            <a:pPr eaLnBrk="1" hangingPunct="1">
              <a:defRPr/>
            </a:pPr>
            <a:r>
              <a:rPr lang="ja-JP" altLang="en-US" sz="900"/>
              <a:t>かぶり深さ・径測定</a:t>
            </a:r>
          </a:p>
        </p:txBody>
      </p:sp>
      <p:sp>
        <p:nvSpPr>
          <p:cNvPr id="6173" name="_s197666">
            <a:extLst>
              <a:ext uri="{FF2B5EF4-FFF2-40B4-BE49-F238E27FC236}">
                <a16:creationId xmlns:a16="http://schemas.microsoft.com/office/drawing/2014/main" id="{E0A6ECF8-E8B9-2A40-2A03-E47480FA2376}"/>
              </a:ext>
            </a:extLst>
          </p:cNvPr>
          <p:cNvSpPr>
            <a:spLocks noChangeArrowheads="1"/>
          </p:cNvSpPr>
          <p:nvPr/>
        </p:nvSpPr>
        <p:spPr bwMode="auto">
          <a:xfrm>
            <a:off x="2947990" y="4641850"/>
            <a:ext cx="1019175" cy="3048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81473" tIns="40737" rIns="81473" bIns="40737" anchor="ctr"/>
          <a:lstStyle/>
          <a:p>
            <a:pPr eaLnBrk="1" hangingPunct="1">
              <a:defRPr/>
            </a:pPr>
            <a:r>
              <a:rPr lang="ja-JP" altLang="en-US" sz="1200" dirty="0"/>
              <a:t>レーダ法</a:t>
            </a:r>
          </a:p>
        </p:txBody>
      </p:sp>
      <p:sp>
        <p:nvSpPr>
          <p:cNvPr id="6174" name="_s197667">
            <a:extLst>
              <a:ext uri="{FF2B5EF4-FFF2-40B4-BE49-F238E27FC236}">
                <a16:creationId xmlns:a16="http://schemas.microsoft.com/office/drawing/2014/main" id="{16AB4ACF-A291-2FA5-C59D-7C64F23F11C9}"/>
              </a:ext>
            </a:extLst>
          </p:cNvPr>
          <p:cNvSpPr>
            <a:spLocks noChangeArrowheads="1"/>
          </p:cNvSpPr>
          <p:nvPr/>
        </p:nvSpPr>
        <p:spPr bwMode="auto">
          <a:xfrm>
            <a:off x="4427540" y="5065715"/>
            <a:ext cx="1019175" cy="306387"/>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82296" tIns="41148" rIns="82296" bIns="41148" anchor="ctr"/>
          <a:lstStyle/>
          <a:p>
            <a:pPr eaLnBrk="1" hangingPunct="1">
              <a:defRPr/>
            </a:pPr>
            <a:r>
              <a:rPr lang="ja-JP" altLang="en-US" sz="900" dirty="0"/>
              <a:t>自然電位法</a:t>
            </a:r>
          </a:p>
        </p:txBody>
      </p:sp>
      <p:sp>
        <p:nvSpPr>
          <p:cNvPr id="6175" name="_s197664">
            <a:extLst>
              <a:ext uri="{FF2B5EF4-FFF2-40B4-BE49-F238E27FC236}">
                <a16:creationId xmlns:a16="http://schemas.microsoft.com/office/drawing/2014/main" id="{299EC45C-BB8A-7FC4-C0D1-3B9F9824B0A4}"/>
              </a:ext>
            </a:extLst>
          </p:cNvPr>
          <p:cNvSpPr>
            <a:spLocks noChangeArrowheads="1"/>
          </p:cNvSpPr>
          <p:nvPr/>
        </p:nvSpPr>
        <p:spPr bwMode="auto">
          <a:xfrm>
            <a:off x="2262190" y="3860800"/>
            <a:ext cx="1019175" cy="28575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66011" tIns="33007" rIns="66011" bIns="33007" anchor="ctr"/>
          <a:lstStyle/>
          <a:p>
            <a:pPr eaLnBrk="1" hangingPunct="1">
              <a:defRPr/>
            </a:pPr>
            <a:r>
              <a:rPr lang="ja-JP" altLang="en-US" sz="1200" dirty="0"/>
              <a:t>打音法</a:t>
            </a:r>
          </a:p>
        </p:txBody>
      </p:sp>
      <p:sp>
        <p:nvSpPr>
          <p:cNvPr id="6176" name="_s197667">
            <a:extLst>
              <a:ext uri="{FF2B5EF4-FFF2-40B4-BE49-F238E27FC236}">
                <a16:creationId xmlns:a16="http://schemas.microsoft.com/office/drawing/2014/main" id="{8E8179EB-7651-EEC5-EE36-038FA8449417}"/>
              </a:ext>
            </a:extLst>
          </p:cNvPr>
          <p:cNvSpPr>
            <a:spLocks noChangeArrowheads="1"/>
          </p:cNvSpPr>
          <p:nvPr/>
        </p:nvSpPr>
        <p:spPr bwMode="auto">
          <a:xfrm>
            <a:off x="4427540" y="5570540"/>
            <a:ext cx="1019175" cy="306387"/>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82296" tIns="41148" rIns="82296" bIns="41148" anchor="ctr"/>
          <a:lstStyle/>
          <a:p>
            <a:pPr eaLnBrk="1" hangingPunct="1">
              <a:defRPr/>
            </a:pPr>
            <a:r>
              <a:rPr lang="ja-JP" altLang="en-US" sz="900"/>
              <a:t>分極抵抗法</a:t>
            </a:r>
          </a:p>
        </p:txBody>
      </p:sp>
      <p:sp>
        <p:nvSpPr>
          <p:cNvPr id="6177" name="_s197667">
            <a:extLst>
              <a:ext uri="{FF2B5EF4-FFF2-40B4-BE49-F238E27FC236}">
                <a16:creationId xmlns:a16="http://schemas.microsoft.com/office/drawing/2014/main" id="{0EFAB626-EA31-4622-73B2-7FDDCD084439}"/>
              </a:ext>
            </a:extLst>
          </p:cNvPr>
          <p:cNvSpPr>
            <a:spLocks noChangeArrowheads="1"/>
          </p:cNvSpPr>
          <p:nvPr/>
        </p:nvSpPr>
        <p:spPr bwMode="auto">
          <a:xfrm>
            <a:off x="2476502" y="5354640"/>
            <a:ext cx="1490663" cy="288925"/>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82296" tIns="41148" rIns="82296" bIns="41148" anchor="ctr"/>
          <a:lstStyle/>
          <a:p>
            <a:pPr eaLnBrk="1" hangingPunct="1">
              <a:defRPr/>
            </a:pPr>
            <a:r>
              <a:rPr lang="ja-JP" altLang="en-US" sz="1200" dirty="0"/>
              <a:t>コンタクトゲージ法</a:t>
            </a:r>
          </a:p>
        </p:txBody>
      </p:sp>
      <p:sp>
        <p:nvSpPr>
          <p:cNvPr id="6178" name="_s197667">
            <a:extLst>
              <a:ext uri="{FF2B5EF4-FFF2-40B4-BE49-F238E27FC236}">
                <a16:creationId xmlns:a16="http://schemas.microsoft.com/office/drawing/2014/main" id="{58CA4271-DC5A-659D-1699-A4F29036DE47}"/>
              </a:ext>
            </a:extLst>
          </p:cNvPr>
          <p:cNvSpPr>
            <a:spLocks noChangeArrowheads="1"/>
          </p:cNvSpPr>
          <p:nvPr/>
        </p:nvSpPr>
        <p:spPr bwMode="auto">
          <a:xfrm>
            <a:off x="2947990" y="4989515"/>
            <a:ext cx="1019175" cy="306387"/>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82296" tIns="41148" rIns="82296" bIns="41148" anchor="ctr"/>
          <a:lstStyle/>
          <a:p>
            <a:pPr eaLnBrk="1" hangingPunct="1">
              <a:defRPr/>
            </a:pPr>
            <a:r>
              <a:rPr lang="ja-JP" altLang="en-US" sz="1200" dirty="0"/>
              <a:t>ＡＥ法</a:t>
            </a:r>
          </a:p>
        </p:txBody>
      </p:sp>
      <p:sp>
        <p:nvSpPr>
          <p:cNvPr id="6179" name="_s197662">
            <a:extLst>
              <a:ext uri="{FF2B5EF4-FFF2-40B4-BE49-F238E27FC236}">
                <a16:creationId xmlns:a16="http://schemas.microsoft.com/office/drawing/2014/main" id="{CC485A19-7F21-6313-2D0D-221C75B890A7}"/>
              </a:ext>
            </a:extLst>
          </p:cNvPr>
          <p:cNvSpPr>
            <a:spLocks noChangeArrowheads="1"/>
          </p:cNvSpPr>
          <p:nvPr/>
        </p:nvSpPr>
        <p:spPr bwMode="auto">
          <a:xfrm>
            <a:off x="6911977" y="3708400"/>
            <a:ext cx="1020763" cy="20478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54201" tIns="27100" rIns="54201" bIns="27100" anchor="ctr"/>
          <a:lstStyle/>
          <a:p>
            <a:pPr eaLnBrk="1" hangingPunct="1">
              <a:defRPr/>
            </a:pPr>
            <a:r>
              <a:rPr lang="ja-JP" altLang="en-US" sz="900"/>
              <a:t>中性化深さ測定</a:t>
            </a:r>
          </a:p>
        </p:txBody>
      </p:sp>
      <p:sp>
        <p:nvSpPr>
          <p:cNvPr id="6180" name="_s197662">
            <a:extLst>
              <a:ext uri="{FF2B5EF4-FFF2-40B4-BE49-F238E27FC236}">
                <a16:creationId xmlns:a16="http://schemas.microsoft.com/office/drawing/2014/main" id="{E995FBA3-B4F8-4BA3-B18B-2B3BD1249FE7}"/>
              </a:ext>
            </a:extLst>
          </p:cNvPr>
          <p:cNvSpPr>
            <a:spLocks noChangeArrowheads="1"/>
          </p:cNvSpPr>
          <p:nvPr/>
        </p:nvSpPr>
        <p:spPr bwMode="auto">
          <a:xfrm>
            <a:off x="6911977" y="3962400"/>
            <a:ext cx="1020763" cy="20478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54201" tIns="27100" rIns="54201" bIns="27100" anchor="ctr"/>
          <a:lstStyle/>
          <a:p>
            <a:pPr eaLnBrk="1" hangingPunct="1">
              <a:defRPr/>
            </a:pPr>
            <a:r>
              <a:rPr lang="ja-JP" altLang="en-US" sz="900"/>
              <a:t>含有塩分量測定</a:t>
            </a:r>
          </a:p>
        </p:txBody>
      </p:sp>
      <p:cxnSp>
        <p:nvCxnSpPr>
          <p:cNvPr id="6181" name="直線コネクタ 54">
            <a:extLst>
              <a:ext uri="{FF2B5EF4-FFF2-40B4-BE49-F238E27FC236}">
                <a16:creationId xmlns:a16="http://schemas.microsoft.com/office/drawing/2014/main" id="{B56FF3DE-0597-445A-1B0F-70E6269CBE5D}"/>
              </a:ext>
            </a:extLst>
          </p:cNvPr>
          <p:cNvCxnSpPr>
            <a:cxnSpLocks noChangeShapeType="1"/>
          </p:cNvCxnSpPr>
          <p:nvPr/>
        </p:nvCxnSpPr>
        <p:spPr bwMode="auto">
          <a:xfrm>
            <a:off x="6877050" y="1916113"/>
            <a:ext cx="228600" cy="0"/>
          </a:xfrm>
          <a:prstGeom prst="line">
            <a:avLst/>
          </a:prstGeom>
          <a:ln>
            <a:headEnd/>
            <a:tailEnd/>
          </a:ln>
        </p:spPr>
        <p:style>
          <a:lnRef idx="1">
            <a:schemeClr val="dk1"/>
          </a:lnRef>
          <a:fillRef idx="0">
            <a:schemeClr val="dk1"/>
          </a:fillRef>
          <a:effectRef idx="0">
            <a:schemeClr val="dk1"/>
          </a:effectRef>
          <a:fontRef idx="minor">
            <a:schemeClr val="tx1"/>
          </a:fontRef>
        </p:style>
      </p:cxnSp>
      <p:cxnSp>
        <p:nvCxnSpPr>
          <p:cNvPr id="6182" name="直線コネクタ 61">
            <a:extLst>
              <a:ext uri="{FF2B5EF4-FFF2-40B4-BE49-F238E27FC236}">
                <a16:creationId xmlns:a16="http://schemas.microsoft.com/office/drawing/2014/main" id="{06E5EA6D-B40B-9AF8-FFE4-9C0A6630B300}"/>
              </a:ext>
            </a:extLst>
          </p:cNvPr>
          <p:cNvCxnSpPr>
            <a:cxnSpLocks noChangeShapeType="1"/>
          </p:cNvCxnSpPr>
          <p:nvPr/>
        </p:nvCxnSpPr>
        <p:spPr bwMode="auto">
          <a:xfrm rot="10800000">
            <a:off x="7080252" y="1611313"/>
            <a:ext cx="207963" cy="0"/>
          </a:xfrm>
          <a:prstGeom prst="line">
            <a:avLst/>
          </a:prstGeom>
          <a:ln>
            <a:headEnd/>
            <a:tailEnd/>
          </a:ln>
        </p:spPr>
        <p:style>
          <a:lnRef idx="1">
            <a:schemeClr val="dk1"/>
          </a:lnRef>
          <a:fillRef idx="0">
            <a:schemeClr val="dk1"/>
          </a:fillRef>
          <a:effectRef idx="0">
            <a:schemeClr val="dk1"/>
          </a:effectRef>
          <a:fontRef idx="minor">
            <a:schemeClr val="tx1"/>
          </a:fontRef>
        </p:style>
      </p:cxnSp>
      <p:cxnSp>
        <p:nvCxnSpPr>
          <p:cNvPr id="6183" name="直線コネクタ 62">
            <a:extLst>
              <a:ext uri="{FF2B5EF4-FFF2-40B4-BE49-F238E27FC236}">
                <a16:creationId xmlns:a16="http://schemas.microsoft.com/office/drawing/2014/main" id="{DB59ADF0-5E00-723E-4016-3CF4DD7E6B28}"/>
              </a:ext>
            </a:extLst>
          </p:cNvPr>
          <p:cNvCxnSpPr>
            <a:cxnSpLocks noChangeShapeType="1"/>
          </p:cNvCxnSpPr>
          <p:nvPr/>
        </p:nvCxnSpPr>
        <p:spPr bwMode="auto">
          <a:xfrm rot="10800000">
            <a:off x="7086602" y="2100263"/>
            <a:ext cx="207963"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184" name="_s197662">
            <a:extLst>
              <a:ext uri="{FF2B5EF4-FFF2-40B4-BE49-F238E27FC236}">
                <a16:creationId xmlns:a16="http://schemas.microsoft.com/office/drawing/2014/main" id="{2948DE43-6AB2-1B3A-7D7A-BD796AEDE259}"/>
              </a:ext>
            </a:extLst>
          </p:cNvPr>
          <p:cNvSpPr>
            <a:spLocks noChangeArrowheads="1"/>
          </p:cNvSpPr>
          <p:nvPr/>
        </p:nvSpPr>
        <p:spPr bwMode="auto">
          <a:xfrm>
            <a:off x="7294563" y="1257300"/>
            <a:ext cx="1020762" cy="20478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54201" tIns="27100" rIns="54201" bIns="27100" anchor="ctr"/>
          <a:lstStyle/>
          <a:p>
            <a:pPr eaLnBrk="1" hangingPunct="1">
              <a:defRPr/>
            </a:pPr>
            <a:r>
              <a:rPr lang="ja-JP" altLang="en-US" sz="900"/>
              <a:t>中性化深さ測定</a:t>
            </a:r>
          </a:p>
        </p:txBody>
      </p:sp>
      <p:sp>
        <p:nvSpPr>
          <p:cNvPr id="6185" name="_s197662">
            <a:extLst>
              <a:ext uri="{FF2B5EF4-FFF2-40B4-BE49-F238E27FC236}">
                <a16:creationId xmlns:a16="http://schemas.microsoft.com/office/drawing/2014/main" id="{73A455A7-5F99-3058-28D4-463661BC53EE}"/>
              </a:ext>
            </a:extLst>
          </p:cNvPr>
          <p:cNvSpPr>
            <a:spLocks noChangeArrowheads="1"/>
          </p:cNvSpPr>
          <p:nvPr/>
        </p:nvSpPr>
        <p:spPr bwMode="auto">
          <a:xfrm>
            <a:off x="7288213" y="1746250"/>
            <a:ext cx="1020762" cy="20478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54201" tIns="27100" rIns="54201" bIns="27100" anchor="ctr"/>
          <a:lstStyle/>
          <a:p>
            <a:pPr eaLnBrk="1" hangingPunct="1">
              <a:defRPr/>
            </a:pPr>
            <a:r>
              <a:rPr lang="ja-JP" altLang="en-US" sz="900" dirty="0"/>
              <a:t>含有塩分量測定</a:t>
            </a:r>
          </a:p>
        </p:txBody>
      </p:sp>
      <p:sp>
        <p:nvSpPr>
          <p:cNvPr id="6186" name="_s197662">
            <a:extLst>
              <a:ext uri="{FF2B5EF4-FFF2-40B4-BE49-F238E27FC236}">
                <a16:creationId xmlns:a16="http://schemas.microsoft.com/office/drawing/2014/main" id="{8DF092B8-441D-D206-8D18-D9D7593AF75C}"/>
              </a:ext>
            </a:extLst>
          </p:cNvPr>
          <p:cNvSpPr>
            <a:spLocks noChangeArrowheads="1"/>
          </p:cNvSpPr>
          <p:nvPr/>
        </p:nvSpPr>
        <p:spPr bwMode="auto">
          <a:xfrm>
            <a:off x="7294563" y="1498600"/>
            <a:ext cx="1020762" cy="20478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54201" tIns="27100" rIns="54201" bIns="27100" anchor="ctr"/>
          <a:lstStyle/>
          <a:p>
            <a:pPr eaLnBrk="1" hangingPunct="1">
              <a:defRPr/>
            </a:pPr>
            <a:r>
              <a:rPr lang="ja-JP" altLang="en-US" sz="900"/>
              <a:t>静弾性係数試験</a:t>
            </a:r>
          </a:p>
        </p:txBody>
      </p:sp>
      <p:sp>
        <p:nvSpPr>
          <p:cNvPr id="6187" name="_s197662">
            <a:extLst>
              <a:ext uri="{FF2B5EF4-FFF2-40B4-BE49-F238E27FC236}">
                <a16:creationId xmlns:a16="http://schemas.microsoft.com/office/drawing/2014/main" id="{E924CC13-9740-42EB-D0AD-699E04DF6A70}"/>
              </a:ext>
            </a:extLst>
          </p:cNvPr>
          <p:cNvSpPr>
            <a:spLocks noChangeArrowheads="1"/>
          </p:cNvSpPr>
          <p:nvPr/>
        </p:nvSpPr>
        <p:spPr bwMode="auto">
          <a:xfrm>
            <a:off x="7288213" y="1993900"/>
            <a:ext cx="1020762" cy="20478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54201" tIns="27100" rIns="54201" bIns="27100" anchor="ctr"/>
          <a:lstStyle/>
          <a:p>
            <a:pPr eaLnBrk="1" hangingPunct="1">
              <a:defRPr/>
            </a:pPr>
            <a:r>
              <a:rPr lang="ja-JP" altLang="en-US" sz="900"/>
              <a:t>圧縮強度試験</a:t>
            </a:r>
          </a:p>
        </p:txBody>
      </p:sp>
      <p:sp>
        <p:nvSpPr>
          <p:cNvPr id="6188" name="_s197662">
            <a:extLst>
              <a:ext uri="{FF2B5EF4-FFF2-40B4-BE49-F238E27FC236}">
                <a16:creationId xmlns:a16="http://schemas.microsoft.com/office/drawing/2014/main" id="{246659E6-BD2A-C417-3AB5-226FAAB11A30}"/>
              </a:ext>
            </a:extLst>
          </p:cNvPr>
          <p:cNvSpPr>
            <a:spLocks noChangeArrowheads="1"/>
          </p:cNvSpPr>
          <p:nvPr/>
        </p:nvSpPr>
        <p:spPr bwMode="auto">
          <a:xfrm>
            <a:off x="7288213" y="2241550"/>
            <a:ext cx="1020762" cy="20478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54201" tIns="27100" rIns="54201" bIns="27100" anchor="ctr"/>
          <a:lstStyle/>
          <a:p>
            <a:pPr eaLnBrk="1" hangingPunct="1">
              <a:defRPr/>
            </a:pPr>
            <a:r>
              <a:rPr lang="ja-JP" altLang="en-US" sz="900"/>
              <a:t>残存膨張量試験</a:t>
            </a:r>
          </a:p>
        </p:txBody>
      </p:sp>
      <p:cxnSp>
        <p:nvCxnSpPr>
          <p:cNvPr id="6189" name="直線コネクタ 66">
            <a:extLst>
              <a:ext uri="{FF2B5EF4-FFF2-40B4-BE49-F238E27FC236}">
                <a16:creationId xmlns:a16="http://schemas.microsoft.com/office/drawing/2014/main" id="{B389AD9B-2CC3-67AD-92C2-798F6B39DBEC}"/>
              </a:ext>
            </a:extLst>
          </p:cNvPr>
          <p:cNvCxnSpPr>
            <a:cxnSpLocks noChangeShapeType="1"/>
          </p:cNvCxnSpPr>
          <p:nvPr/>
        </p:nvCxnSpPr>
        <p:spPr bwMode="auto">
          <a:xfrm rot="10800000">
            <a:off x="6500813" y="3935413"/>
            <a:ext cx="2079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190" name="_s197659">
            <a:extLst>
              <a:ext uri="{FF2B5EF4-FFF2-40B4-BE49-F238E27FC236}">
                <a16:creationId xmlns:a16="http://schemas.microsoft.com/office/drawing/2014/main" id="{9BE429B8-1E8B-436A-5F83-4273B952EE2B}"/>
              </a:ext>
            </a:extLst>
          </p:cNvPr>
          <p:cNvSpPr>
            <a:spLocks noChangeArrowheads="1"/>
          </p:cNvSpPr>
          <p:nvPr/>
        </p:nvSpPr>
        <p:spPr bwMode="auto">
          <a:xfrm>
            <a:off x="5495927" y="3794125"/>
            <a:ext cx="1019175" cy="3048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21382" tIns="10689" rIns="21382" bIns="10689" anchor="ctr"/>
          <a:lstStyle/>
          <a:p>
            <a:pPr eaLnBrk="1" hangingPunct="1">
              <a:defRPr/>
            </a:pPr>
            <a:r>
              <a:rPr lang="ja-JP" altLang="en-US" sz="900"/>
              <a:t>ドリル削孔法</a:t>
            </a:r>
          </a:p>
        </p:txBody>
      </p:sp>
      <p:sp>
        <p:nvSpPr>
          <p:cNvPr id="6191" name="フリーフォーム 71">
            <a:extLst>
              <a:ext uri="{FF2B5EF4-FFF2-40B4-BE49-F238E27FC236}">
                <a16:creationId xmlns:a16="http://schemas.microsoft.com/office/drawing/2014/main" id="{8C4FBFCD-26CF-9B6D-BA6B-C067FE857A75}"/>
              </a:ext>
            </a:extLst>
          </p:cNvPr>
          <p:cNvSpPr>
            <a:spLocks/>
          </p:cNvSpPr>
          <p:nvPr/>
        </p:nvSpPr>
        <p:spPr bwMode="auto">
          <a:xfrm>
            <a:off x="6732588" y="3789363"/>
            <a:ext cx="196850" cy="266700"/>
          </a:xfrm>
          <a:custGeom>
            <a:avLst/>
            <a:gdLst>
              <a:gd name="T0" fmla="*/ 196850 w 196850"/>
              <a:gd name="T1" fmla="*/ 0 h 266700"/>
              <a:gd name="T2" fmla="*/ 0 w 196850"/>
              <a:gd name="T3" fmla="*/ 0 h 266700"/>
              <a:gd name="T4" fmla="*/ 0 w 196850"/>
              <a:gd name="T5" fmla="*/ 266700 h 266700"/>
              <a:gd name="T6" fmla="*/ 196850 w 196850"/>
              <a:gd name="T7" fmla="*/ 266700 h 266700"/>
              <a:gd name="T8" fmla="*/ 0 60000 65536"/>
              <a:gd name="T9" fmla="*/ 0 60000 65536"/>
              <a:gd name="T10" fmla="*/ 0 60000 65536"/>
              <a:gd name="T11" fmla="*/ 0 60000 65536"/>
              <a:gd name="T12" fmla="*/ 0 w 196850"/>
              <a:gd name="T13" fmla="*/ 0 h 266700"/>
              <a:gd name="T14" fmla="*/ 196850 w 196850"/>
              <a:gd name="T15" fmla="*/ 266700 h 266700"/>
            </a:gdLst>
            <a:ahLst/>
            <a:cxnLst>
              <a:cxn ang="T8">
                <a:pos x="T0" y="T1"/>
              </a:cxn>
              <a:cxn ang="T9">
                <a:pos x="T2" y="T3"/>
              </a:cxn>
              <a:cxn ang="T10">
                <a:pos x="T4" y="T5"/>
              </a:cxn>
              <a:cxn ang="T11">
                <a:pos x="T6" y="T7"/>
              </a:cxn>
            </a:cxnLst>
            <a:rect l="T12" t="T13" r="T14" b="T15"/>
            <a:pathLst>
              <a:path w="196850" h="266700">
                <a:moveTo>
                  <a:pt x="196850" y="0"/>
                </a:moveTo>
                <a:lnTo>
                  <a:pt x="0" y="0"/>
                </a:lnTo>
                <a:lnTo>
                  <a:pt x="0" y="266700"/>
                </a:lnTo>
                <a:lnTo>
                  <a:pt x="196850" y="266700"/>
                </a:lnTo>
              </a:path>
            </a:pathLst>
          </a:custGeom>
          <a:ln>
            <a:headEnd/>
            <a:tailEnd/>
          </a:ln>
        </p:spPr>
        <p:style>
          <a:lnRef idx="1">
            <a:schemeClr val="dk1"/>
          </a:lnRef>
          <a:fillRef idx="0">
            <a:schemeClr val="dk1"/>
          </a:fillRef>
          <a:effectRef idx="0">
            <a:schemeClr val="dk1"/>
          </a:effectRef>
          <a:fontRef idx="minor">
            <a:schemeClr val="tx1"/>
          </a:fontRef>
        </p:style>
        <p:txBody>
          <a:bodyPr anchor="ctr"/>
          <a:lstStyle/>
          <a:p>
            <a:pPr eaLnBrk="1" hangingPunct="1">
              <a:defRPr/>
            </a:pPr>
            <a:endParaRPr lang="ja-JP" altLang="en-US"/>
          </a:p>
        </p:txBody>
      </p:sp>
      <p:sp>
        <p:nvSpPr>
          <p:cNvPr id="6192" name="フリーフォーム 74">
            <a:extLst>
              <a:ext uri="{FF2B5EF4-FFF2-40B4-BE49-F238E27FC236}">
                <a16:creationId xmlns:a16="http://schemas.microsoft.com/office/drawing/2014/main" id="{C49B89A7-7D23-5E0F-A315-25224408F1A4}"/>
              </a:ext>
            </a:extLst>
          </p:cNvPr>
          <p:cNvSpPr>
            <a:spLocks/>
          </p:cNvSpPr>
          <p:nvPr/>
        </p:nvSpPr>
        <p:spPr bwMode="auto">
          <a:xfrm>
            <a:off x="5324475" y="2338388"/>
            <a:ext cx="184150" cy="1619250"/>
          </a:xfrm>
          <a:custGeom>
            <a:avLst/>
            <a:gdLst>
              <a:gd name="T0" fmla="*/ 0 w 184150"/>
              <a:gd name="T1" fmla="*/ 0 h 1619250"/>
              <a:gd name="T2" fmla="*/ 0 w 184150"/>
              <a:gd name="T3" fmla="*/ 1619250 h 1619250"/>
              <a:gd name="T4" fmla="*/ 184150 w 184150"/>
              <a:gd name="T5" fmla="*/ 1619250 h 1619250"/>
              <a:gd name="T6" fmla="*/ 0 60000 65536"/>
              <a:gd name="T7" fmla="*/ 0 60000 65536"/>
              <a:gd name="T8" fmla="*/ 0 60000 65536"/>
              <a:gd name="T9" fmla="*/ 0 w 184150"/>
              <a:gd name="T10" fmla="*/ 0 h 1619250"/>
              <a:gd name="T11" fmla="*/ 184150 w 184150"/>
              <a:gd name="T12" fmla="*/ 1619250 h 1619250"/>
            </a:gdLst>
            <a:ahLst/>
            <a:cxnLst>
              <a:cxn ang="T6">
                <a:pos x="T0" y="T1"/>
              </a:cxn>
              <a:cxn ang="T7">
                <a:pos x="T2" y="T3"/>
              </a:cxn>
              <a:cxn ang="T8">
                <a:pos x="T4" y="T5"/>
              </a:cxn>
            </a:cxnLst>
            <a:rect l="T9" t="T10" r="T11" b="T12"/>
            <a:pathLst>
              <a:path w="184150" h="1619250">
                <a:moveTo>
                  <a:pt x="0" y="0"/>
                </a:moveTo>
                <a:lnTo>
                  <a:pt x="0" y="1619250"/>
                </a:lnTo>
                <a:lnTo>
                  <a:pt x="184150" y="1619250"/>
                </a:lnTo>
              </a:path>
            </a:pathLst>
          </a:custGeom>
          <a:ln>
            <a:headEnd/>
            <a:tailEnd/>
          </a:ln>
        </p:spPr>
        <p:style>
          <a:lnRef idx="1">
            <a:schemeClr val="dk1"/>
          </a:lnRef>
          <a:fillRef idx="0">
            <a:schemeClr val="dk1"/>
          </a:fillRef>
          <a:effectRef idx="0">
            <a:schemeClr val="dk1"/>
          </a:effectRef>
          <a:fontRef idx="minor">
            <a:schemeClr val="tx1"/>
          </a:fontRef>
        </p:style>
        <p:txBody>
          <a:bodyPr anchor="ctr"/>
          <a:lstStyle/>
          <a:p>
            <a:pPr eaLnBrk="1" hangingPunct="1">
              <a:defRPr/>
            </a:pPr>
            <a:endParaRPr lang="ja-JP" altLang="en-US"/>
          </a:p>
        </p:txBody>
      </p:sp>
      <p:cxnSp>
        <p:nvCxnSpPr>
          <p:cNvPr id="6193" name="直線コネクタ 77">
            <a:extLst>
              <a:ext uri="{FF2B5EF4-FFF2-40B4-BE49-F238E27FC236}">
                <a16:creationId xmlns:a16="http://schemas.microsoft.com/office/drawing/2014/main" id="{71F80365-FD9E-F0E9-B608-D807318D38A3}"/>
              </a:ext>
            </a:extLst>
          </p:cNvPr>
          <p:cNvCxnSpPr>
            <a:cxnSpLocks noChangeShapeType="1"/>
          </p:cNvCxnSpPr>
          <p:nvPr/>
        </p:nvCxnSpPr>
        <p:spPr bwMode="auto">
          <a:xfrm rot="10800000">
            <a:off x="2636838" y="2330450"/>
            <a:ext cx="2079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194" name="_s197661">
            <a:extLst>
              <a:ext uri="{FF2B5EF4-FFF2-40B4-BE49-F238E27FC236}">
                <a16:creationId xmlns:a16="http://schemas.microsoft.com/office/drawing/2014/main" id="{8C61D804-B76D-6B75-A058-B863D91E0277}"/>
              </a:ext>
            </a:extLst>
          </p:cNvPr>
          <p:cNvSpPr>
            <a:spLocks noChangeArrowheads="1"/>
          </p:cNvSpPr>
          <p:nvPr/>
        </p:nvSpPr>
        <p:spPr bwMode="auto">
          <a:xfrm>
            <a:off x="1560513" y="2236788"/>
            <a:ext cx="1020762" cy="2032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うき・空洞調査</a:t>
            </a:r>
          </a:p>
        </p:txBody>
      </p:sp>
      <p:cxnSp>
        <p:nvCxnSpPr>
          <p:cNvPr id="6195" name="直線コネクタ 78">
            <a:extLst>
              <a:ext uri="{FF2B5EF4-FFF2-40B4-BE49-F238E27FC236}">
                <a16:creationId xmlns:a16="http://schemas.microsoft.com/office/drawing/2014/main" id="{C8411E5E-71B6-C73D-629B-F9102B96CCE0}"/>
              </a:ext>
            </a:extLst>
          </p:cNvPr>
          <p:cNvCxnSpPr>
            <a:cxnSpLocks noChangeShapeType="1"/>
          </p:cNvCxnSpPr>
          <p:nvPr/>
        </p:nvCxnSpPr>
        <p:spPr bwMode="auto">
          <a:xfrm rot="10800000">
            <a:off x="1979613" y="3176588"/>
            <a:ext cx="2841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196" name="_s197661">
            <a:extLst>
              <a:ext uri="{FF2B5EF4-FFF2-40B4-BE49-F238E27FC236}">
                <a16:creationId xmlns:a16="http://schemas.microsoft.com/office/drawing/2014/main" id="{E59B03D7-98AE-58CF-8B2F-579B839598B4}"/>
              </a:ext>
            </a:extLst>
          </p:cNvPr>
          <p:cNvSpPr>
            <a:spLocks noChangeArrowheads="1"/>
          </p:cNvSpPr>
          <p:nvPr/>
        </p:nvSpPr>
        <p:spPr bwMode="auto">
          <a:xfrm>
            <a:off x="827088" y="3046415"/>
            <a:ext cx="1143000" cy="225425"/>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杭長・厚さ測定</a:t>
            </a:r>
          </a:p>
        </p:txBody>
      </p:sp>
      <p:cxnSp>
        <p:nvCxnSpPr>
          <p:cNvPr id="6197" name="直線コネクタ 82">
            <a:extLst>
              <a:ext uri="{FF2B5EF4-FFF2-40B4-BE49-F238E27FC236}">
                <a16:creationId xmlns:a16="http://schemas.microsoft.com/office/drawing/2014/main" id="{2A908E85-EE5A-BDB0-8A01-16E505107AC5}"/>
              </a:ext>
            </a:extLst>
          </p:cNvPr>
          <p:cNvCxnSpPr>
            <a:cxnSpLocks noChangeShapeType="1"/>
          </p:cNvCxnSpPr>
          <p:nvPr/>
        </p:nvCxnSpPr>
        <p:spPr bwMode="auto">
          <a:xfrm rot="10800000">
            <a:off x="2106613" y="3671888"/>
            <a:ext cx="1571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198" name="_s197661">
            <a:extLst>
              <a:ext uri="{FF2B5EF4-FFF2-40B4-BE49-F238E27FC236}">
                <a16:creationId xmlns:a16="http://schemas.microsoft.com/office/drawing/2014/main" id="{BFAC5B29-2FB8-54EE-253A-AF0AC02D043F}"/>
              </a:ext>
            </a:extLst>
          </p:cNvPr>
          <p:cNvSpPr>
            <a:spLocks noChangeArrowheads="1"/>
          </p:cNvSpPr>
          <p:nvPr/>
        </p:nvSpPr>
        <p:spPr bwMode="auto">
          <a:xfrm>
            <a:off x="684215" y="3457575"/>
            <a:ext cx="1285875" cy="2032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ひび割れ深さ調査</a:t>
            </a:r>
          </a:p>
        </p:txBody>
      </p:sp>
      <p:sp>
        <p:nvSpPr>
          <p:cNvPr id="6199" name="_s197661">
            <a:extLst>
              <a:ext uri="{FF2B5EF4-FFF2-40B4-BE49-F238E27FC236}">
                <a16:creationId xmlns:a16="http://schemas.microsoft.com/office/drawing/2014/main" id="{0C8540F3-B742-2627-FD5B-3BA395417197}"/>
              </a:ext>
            </a:extLst>
          </p:cNvPr>
          <p:cNvSpPr>
            <a:spLocks noChangeArrowheads="1"/>
          </p:cNvSpPr>
          <p:nvPr/>
        </p:nvSpPr>
        <p:spPr bwMode="auto">
          <a:xfrm>
            <a:off x="107950" y="3671890"/>
            <a:ext cx="1862138" cy="261937"/>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品質調査</a:t>
            </a:r>
            <a:r>
              <a:rPr lang="en-US" altLang="ja-JP" sz="1200" dirty="0"/>
              <a:t>(</a:t>
            </a:r>
            <a:r>
              <a:rPr lang="ja-JP" altLang="en-US" sz="1200" dirty="0"/>
              <a:t>空洞・豆板・凍害）</a:t>
            </a:r>
          </a:p>
        </p:txBody>
      </p:sp>
      <p:sp>
        <p:nvSpPr>
          <p:cNvPr id="6200" name="フリーフォーム 85">
            <a:extLst>
              <a:ext uri="{FF2B5EF4-FFF2-40B4-BE49-F238E27FC236}">
                <a16:creationId xmlns:a16="http://schemas.microsoft.com/office/drawing/2014/main" id="{00030CAD-0C32-714D-50F5-FEEB58EBB695}"/>
              </a:ext>
            </a:extLst>
          </p:cNvPr>
          <p:cNvSpPr>
            <a:spLocks/>
          </p:cNvSpPr>
          <p:nvPr/>
        </p:nvSpPr>
        <p:spPr bwMode="auto">
          <a:xfrm flipH="1">
            <a:off x="1973263" y="3541713"/>
            <a:ext cx="133350" cy="266700"/>
          </a:xfrm>
          <a:custGeom>
            <a:avLst/>
            <a:gdLst>
              <a:gd name="T0" fmla="*/ 4006 w 196850"/>
              <a:gd name="T1" fmla="*/ 0 h 266700"/>
              <a:gd name="T2" fmla="*/ 0 w 196850"/>
              <a:gd name="T3" fmla="*/ 0 h 266700"/>
              <a:gd name="T4" fmla="*/ 0 w 196850"/>
              <a:gd name="T5" fmla="*/ 266700 h 266700"/>
              <a:gd name="T6" fmla="*/ 4006 w 196850"/>
              <a:gd name="T7" fmla="*/ 266700 h 266700"/>
              <a:gd name="T8" fmla="*/ 0 60000 65536"/>
              <a:gd name="T9" fmla="*/ 0 60000 65536"/>
              <a:gd name="T10" fmla="*/ 0 60000 65536"/>
              <a:gd name="T11" fmla="*/ 0 60000 65536"/>
              <a:gd name="T12" fmla="*/ 0 w 196850"/>
              <a:gd name="T13" fmla="*/ 0 h 266700"/>
              <a:gd name="T14" fmla="*/ 196850 w 196850"/>
              <a:gd name="T15" fmla="*/ 266700 h 266700"/>
            </a:gdLst>
            <a:ahLst/>
            <a:cxnLst>
              <a:cxn ang="T8">
                <a:pos x="T0" y="T1"/>
              </a:cxn>
              <a:cxn ang="T9">
                <a:pos x="T2" y="T3"/>
              </a:cxn>
              <a:cxn ang="T10">
                <a:pos x="T4" y="T5"/>
              </a:cxn>
              <a:cxn ang="T11">
                <a:pos x="T6" y="T7"/>
              </a:cxn>
            </a:cxnLst>
            <a:rect l="T12" t="T13" r="T14" b="T15"/>
            <a:pathLst>
              <a:path w="196850" h="266700">
                <a:moveTo>
                  <a:pt x="196850" y="0"/>
                </a:moveTo>
                <a:lnTo>
                  <a:pt x="0" y="0"/>
                </a:lnTo>
                <a:lnTo>
                  <a:pt x="0" y="266700"/>
                </a:lnTo>
                <a:lnTo>
                  <a:pt x="196850" y="266700"/>
                </a:lnTo>
              </a:path>
            </a:pathLst>
          </a:custGeom>
          <a:ln>
            <a:headEnd/>
            <a:tailEnd/>
          </a:ln>
        </p:spPr>
        <p:style>
          <a:lnRef idx="1">
            <a:schemeClr val="dk1"/>
          </a:lnRef>
          <a:fillRef idx="0">
            <a:schemeClr val="dk1"/>
          </a:fillRef>
          <a:effectRef idx="0">
            <a:schemeClr val="dk1"/>
          </a:effectRef>
          <a:fontRef idx="minor">
            <a:schemeClr val="tx1"/>
          </a:fontRef>
        </p:style>
        <p:txBody>
          <a:bodyPr anchor="ctr"/>
          <a:lstStyle/>
          <a:p>
            <a:pPr eaLnBrk="1" hangingPunct="1">
              <a:defRPr/>
            </a:pPr>
            <a:endParaRPr lang="ja-JP" altLang="en-US"/>
          </a:p>
        </p:txBody>
      </p:sp>
      <p:cxnSp>
        <p:nvCxnSpPr>
          <p:cNvPr id="6201" name="直線コネクタ 86">
            <a:extLst>
              <a:ext uri="{FF2B5EF4-FFF2-40B4-BE49-F238E27FC236}">
                <a16:creationId xmlns:a16="http://schemas.microsoft.com/office/drawing/2014/main" id="{38126400-D8DD-DD1B-696D-E862B04C2414}"/>
              </a:ext>
            </a:extLst>
          </p:cNvPr>
          <p:cNvCxnSpPr>
            <a:cxnSpLocks noChangeShapeType="1"/>
            <a:endCxn id="6202" idx="5"/>
          </p:cNvCxnSpPr>
          <p:nvPr/>
        </p:nvCxnSpPr>
        <p:spPr bwMode="auto">
          <a:xfrm flipH="1">
            <a:off x="1963740" y="4043363"/>
            <a:ext cx="293687" cy="4762"/>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202" name="_s197661">
            <a:extLst>
              <a:ext uri="{FF2B5EF4-FFF2-40B4-BE49-F238E27FC236}">
                <a16:creationId xmlns:a16="http://schemas.microsoft.com/office/drawing/2014/main" id="{BA8801A5-A60D-69AE-72C4-17B167954E18}"/>
              </a:ext>
            </a:extLst>
          </p:cNvPr>
          <p:cNvSpPr>
            <a:spLocks noChangeArrowheads="1"/>
          </p:cNvSpPr>
          <p:nvPr/>
        </p:nvSpPr>
        <p:spPr bwMode="auto">
          <a:xfrm>
            <a:off x="684215" y="3962402"/>
            <a:ext cx="1279525" cy="193675"/>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うき・空洞調査</a:t>
            </a:r>
          </a:p>
        </p:txBody>
      </p:sp>
      <p:sp>
        <p:nvSpPr>
          <p:cNvPr id="6203" name="_s197653">
            <a:extLst>
              <a:ext uri="{FF2B5EF4-FFF2-40B4-BE49-F238E27FC236}">
                <a16:creationId xmlns:a16="http://schemas.microsoft.com/office/drawing/2014/main" id="{B7FA827A-C71D-BF4F-25E1-6BB78AFC8B8B}"/>
              </a:ext>
            </a:extLst>
          </p:cNvPr>
          <p:cNvSpPr>
            <a:spLocks noChangeArrowheads="1"/>
          </p:cNvSpPr>
          <p:nvPr/>
        </p:nvSpPr>
        <p:spPr bwMode="auto">
          <a:xfrm>
            <a:off x="3627440" y="1395413"/>
            <a:ext cx="1019175" cy="3048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18599" tIns="9301" rIns="18599" bIns="9301" anchor="ctr"/>
          <a:lstStyle/>
          <a:p>
            <a:pPr eaLnBrk="1" hangingPunct="1">
              <a:defRPr/>
            </a:pPr>
            <a:r>
              <a:rPr lang="ja-JP" altLang="en-US" sz="1200" b="1" dirty="0"/>
              <a:t>非破壊法</a:t>
            </a:r>
          </a:p>
        </p:txBody>
      </p:sp>
      <p:cxnSp>
        <p:nvCxnSpPr>
          <p:cNvPr id="6204" name="直線コネクタ 94">
            <a:extLst>
              <a:ext uri="{FF2B5EF4-FFF2-40B4-BE49-F238E27FC236}">
                <a16:creationId xmlns:a16="http://schemas.microsoft.com/office/drawing/2014/main" id="{C4C55470-4ECA-6BB7-745E-7415A5E40471}"/>
              </a:ext>
            </a:extLst>
          </p:cNvPr>
          <p:cNvCxnSpPr>
            <a:cxnSpLocks noChangeShapeType="1"/>
          </p:cNvCxnSpPr>
          <p:nvPr/>
        </p:nvCxnSpPr>
        <p:spPr bwMode="auto">
          <a:xfrm rot="10800000">
            <a:off x="2741613" y="4441825"/>
            <a:ext cx="2079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205" name="_s197661">
            <a:extLst>
              <a:ext uri="{FF2B5EF4-FFF2-40B4-BE49-F238E27FC236}">
                <a16:creationId xmlns:a16="http://schemas.microsoft.com/office/drawing/2014/main" id="{BA0D385F-8656-2665-D71F-9629A4B0DA23}"/>
              </a:ext>
            </a:extLst>
          </p:cNvPr>
          <p:cNvSpPr>
            <a:spLocks noChangeArrowheads="1"/>
          </p:cNvSpPr>
          <p:nvPr/>
        </p:nvSpPr>
        <p:spPr bwMode="auto">
          <a:xfrm>
            <a:off x="1398588" y="4348163"/>
            <a:ext cx="1358900" cy="2032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圧縮強度の推定</a:t>
            </a:r>
          </a:p>
        </p:txBody>
      </p:sp>
      <p:cxnSp>
        <p:nvCxnSpPr>
          <p:cNvPr id="6206" name="直線コネクタ 96">
            <a:extLst>
              <a:ext uri="{FF2B5EF4-FFF2-40B4-BE49-F238E27FC236}">
                <a16:creationId xmlns:a16="http://schemas.microsoft.com/office/drawing/2014/main" id="{F9C7BBB5-607E-7BA2-6B63-63748049131E}"/>
              </a:ext>
            </a:extLst>
          </p:cNvPr>
          <p:cNvCxnSpPr>
            <a:cxnSpLocks noChangeShapeType="1"/>
          </p:cNvCxnSpPr>
          <p:nvPr/>
        </p:nvCxnSpPr>
        <p:spPr bwMode="auto">
          <a:xfrm rot="10800000">
            <a:off x="2741613" y="4795838"/>
            <a:ext cx="2079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207" name="_s197661">
            <a:extLst>
              <a:ext uri="{FF2B5EF4-FFF2-40B4-BE49-F238E27FC236}">
                <a16:creationId xmlns:a16="http://schemas.microsoft.com/office/drawing/2014/main" id="{5020D886-1CC4-19E0-78C1-1D2EE7FD5C68}"/>
              </a:ext>
            </a:extLst>
          </p:cNvPr>
          <p:cNvSpPr>
            <a:spLocks noChangeArrowheads="1"/>
          </p:cNvSpPr>
          <p:nvPr/>
        </p:nvSpPr>
        <p:spPr bwMode="auto">
          <a:xfrm>
            <a:off x="1736727" y="4702175"/>
            <a:ext cx="1020763" cy="2032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内部・空洞調査</a:t>
            </a:r>
          </a:p>
        </p:txBody>
      </p:sp>
      <p:cxnSp>
        <p:nvCxnSpPr>
          <p:cNvPr id="6208" name="直線コネクタ 98">
            <a:extLst>
              <a:ext uri="{FF2B5EF4-FFF2-40B4-BE49-F238E27FC236}">
                <a16:creationId xmlns:a16="http://schemas.microsoft.com/office/drawing/2014/main" id="{13E72840-8375-5151-96F4-CDCDFC9E62B8}"/>
              </a:ext>
            </a:extLst>
          </p:cNvPr>
          <p:cNvCxnSpPr>
            <a:cxnSpLocks noChangeShapeType="1"/>
          </p:cNvCxnSpPr>
          <p:nvPr/>
        </p:nvCxnSpPr>
        <p:spPr bwMode="auto">
          <a:xfrm rot="10800000">
            <a:off x="2741613" y="5149850"/>
            <a:ext cx="2079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209" name="_s197661">
            <a:extLst>
              <a:ext uri="{FF2B5EF4-FFF2-40B4-BE49-F238E27FC236}">
                <a16:creationId xmlns:a16="http://schemas.microsoft.com/office/drawing/2014/main" id="{F5200A2B-5A54-7F1A-7F5B-5F2B9B422FDB}"/>
              </a:ext>
            </a:extLst>
          </p:cNvPr>
          <p:cNvSpPr>
            <a:spLocks noChangeArrowheads="1"/>
          </p:cNvSpPr>
          <p:nvPr/>
        </p:nvSpPr>
        <p:spPr bwMode="auto">
          <a:xfrm>
            <a:off x="1116015" y="5030790"/>
            <a:ext cx="1641475" cy="198437"/>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ひび割れ発生の監視</a:t>
            </a:r>
          </a:p>
        </p:txBody>
      </p:sp>
      <p:sp>
        <p:nvSpPr>
          <p:cNvPr id="6210" name="_s197661">
            <a:extLst>
              <a:ext uri="{FF2B5EF4-FFF2-40B4-BE49-F238E27FC236}">
                <a16:creationId xmlns:a16="http://schemas.microsoft.com/office/drawing/2014/main" id="{070EED94-E5B6-9DB1-F186-C33F2F89B26B}"/>
              </a:ext>
            </a:extLst>
          </p:cNvPr>
          <p:cNvSpPr>
            <a:spLocks noChangeArrowheads="1"/>
          </p:cNvSpPr>
          <p:nvPr/>
        </p:nvSpPr>
        <p:spPr bwMode="auto">
          <a:xfrm>
            <a:off x="5867402" y="5354638"/>
            <a:ext cx="1020763" cy="2032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900"/>
              <a:t>鉄筋腐食調査</a:t>
            </a:r>
          </a:p>
        </p:txBody>
      </p:sp>
      <p:sp>
        <p:nvSpPr>
          <p:cNvPr id="6211" name="フリーフォーム 102">
            <a:extLst>
              <a:ext uri="{FF2B5EF4-FFF2-40B4-BE49-F238E27FC236}">
                <a16:creationId xmlns:a16="http://schemas.microsoft.com/office/drawing/2014/main" id="{9CA0B45E-EF30-9A2B-453B-919C280A0F7C}"/>
              </a:ext>
            </a:extLst>
          </p:cNvPr>
          <p:cNvSpPr>
            <a:spLocks/>
          </p:cNvSpPr>
          <p:nvPr/>
        </p:nvSpPr>
        <p:spPr bwMode="auto">
          <a:xfrm flipH="1">
            <a:off x="5435602" y="5210177"/>
            <a:ext cx="214313" cy="504825"/>
          </a:xfrm>
          <a:custGeom>
            <a:avLst/>
            <a:gdLst>
              <a:gd name="T0" fmla="*/ 68329 w 196850"/>
              <a:gd name="T1" fmla="*/ 0 h 266700"/>
              <a:gd name="T2" fmla="*/ 0 w 196850"/>
              <a:gd name="T3" fmla="*/ 0 h 266700"/>
              <a:gd name="T4" fmla="*/ 0 w 196850"/>
              <a:gd name="T5" fmla="*/ 78134485 h 266700"/>
              <a:gd name="T6" fmla="*/ 68329 w 196850"/>
              <a:gd name="T7" fmla="*/ 78134485 h 266700"/>
              <a:gd name="T8" fmla="*/ 0 60000 65536"/>
              <a:gd name="T9" fmla="*/ 0 60000 65536"/>
              <a:gd name="T10" fmla="*/ 0 60000 65536"/>
              <a:gd name="T11" fmla="*/ 0 60000 65536"/>
              <a:gd name="T12" fmla="*/ 0 w 196850"/>
              <a:gd name="T13" fmla="*/ 0 h 266700"/>
              <a:gd name="T14" fmla="*/ 196850 w 196850"/>
              <a:gd name="T15" fmla="*/ 266700 h 266700"/>
            </a:gdLst>
            <a:ahLst/>
            <a:cxnLst>
              <a:cxn ang="T8">
                <a:pos x="T0" y="T1"/>
              </a:cxn>
              <a:cxn ang="T9">
                <a:pos x="T2" y="T3"/>
              </a:cxn>
              <a:cxn ang="T10">
                <a:pos x="T4" y="T5"/>
              </a:cxn>
              <a:cxn ang="T11">
                <a:pos x="T6" y="T7"/>
              </a:cxn>
            </a:cxnLst>
            <a:rect l="T12" t="T13" r="T14" b="T15"/>
            <a:pathLst>
              <a:path w="196850" h="266700">
                <a:moveTo>
                  <a:pt x="196850" y="0"/>
                </a:moveTo>
                <a:lnTo>
                  <a:pt x="0" y="0"/>
                </a:lnTo>
                <a:lnTo>
                  <a:pt x="0" y="266700"/>
                </a:lnTo>
                <a:lnTo>
                  <a:pt x="196850" y="266700"/>
                </a:lnTo>
              </a:path>
            </a:pathLst>
          </a:custGeom>
          <a:ln>
            <a:headEnd/>
            <a:tailEnd/>
          </a:ln>
        </p:spPr>
        <p:style>
          <a:lnRef idx="1">
            <a:schemeClr val="dk1"/>
          </a:lnRef>
          <a:fillRef idx="0">
            <a:schemeClr val="dk1"/>
          </a:fillRef>
          <a:effectRef idx="0">
            <a:schemeClr val="dk1"/>
          </a:effectRef>
          <a:fontRef idx="minor">
            <a:schemeClr val="tx1"/>
          </a:fontRef>
        </p:style>
        <p:txBody>
          <a:bodyPr anchor="ctr"/>
          <a:lstStyle/>
          <a:p>
            <a:pPr eaLnBrk="1" hangingPunct="1">
              <a:defRPr/>
            </a:pPr>
            <a:endParaRPr lang="ja-JP" altLang="en-US"/>
          </a:p>
        </p:txBody>
      </p:sp>
      <p:cxnSp>
        <p:nvCxnSpPr>
          <p:cNvPr id="6212" name="直線コネクタ 103">
            <a:extLst>
              <a:ext uri="{FF2B5EF4-FFF2-40B4-BE49-F238E27FC236}">
                <a16:creationId xmlns:a16="http://schemas.microsoft.com/office/drawing/2014/main" id="{D811A810-79DD-B786-8345-35F108AAC842}"/>
              </a:ext>
            </a:extLst>
          </p:cNvPr>
          <p:cNvCxnSpPr>
            <a:cxnSpLocks noChangeShapeType="1"/>
          </p:cNvCxnSpPr>
          <p:nvPr/>
        </p:nvCxnSpPr>
        <p:spPr bwMode="auto">
          <a:xfrm rot="10800000">
            <a:off x="5649915" y="5497513"/>
            <a:ext cx="217487" cy="0"/>
          </a:xfrm>
          <a:prstGeom prst="line">
            <a:avLst/>
          </a:prstGeom>
          <a:ln>
            <a:headEnd/>
            <a:tailEnd/>
          </a:ln>
        </p:spPr>
        <p:style>
          <a:lnRef idx="1">
            <a:schemeClr val="dk1"/>
          </a:lnRef>
          <a:fillRef idx="0">
            <a:schemeClr val="dk1"/>
          </a:fillRef>
          <a:effectRef idx="0">
            <a:schemeClr val="dk1"/>
          </a:effectRef>
          <a:fontRef idx="minor">
            <a:schemeClr val="tx1"/>
          </a:fontRef>
        </p:style>
      </p:cxnSp>
      <p:cxnSp>
        <p:nvCxnSpPr>
          <p:cNvPr id="6213" name="直線コネクタ 105">
            <a:extLst>
              <a:ext uri="{FF2B5EF4-FFF2-40B4-BE49-F238E27FC236}">
                <a16:creationId xmlns:a16="http://schemas.microsoft.com/office/drawing/2014/main" id="{C7727EBA-5DF6-BBA4-143E-FBA6D0165D19}"/>
              </a:ext>
            </a:extLst>
          </p:cNvPr>
          <p:cNvCxnSpPr>
            <a:cxnSpLocks noChangeShapeType="1"/>
          </p:cNvCxnSpPr>
          <p:nvPr/>
        </p:nvCxnSpPr>
        <p:spPr bwMode="auto">
          <a:xfrm rot="10800000">
            <a:off x="2268538" y="5521325"/>
            <a:ext cx="2079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214" name="_s197661">
            <a:extLst>
              <a:ext uri="{FF2B5EF4-FFF2-40B4-BE49-F238E27FC236}">
                <a16:creationId xmlns:a16="http://schemas.microsoft.com/office/drawing/2014/main" id="{1CF6A8CB-29F8-20C3-F568-F87CE3BBAAF7}"/>
              </a:ext>
            </a:extLst>
          </p:cNvPr>
          <p:cNvSpPr>
            <a:spLocks noChangeArrowheads="1"/>
          </p:cNvSpPr>
          <p:nvPr/>
        </p:nvSpPr>
        <p:spPr bwMode="auto">
          <a:xfrm>
            <a:off x="749302" y="5372100"/>
            <a:ext cx="1497013" cy="241300"/>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ひび割れ進展調査</a:t>
            </a:r>
          </a:p>
        </p:txBody>
      </p:sp>
      <p:cxnSp>
        <p:nvCxnSpPr>
          <p:cNvPr id="6215" name="直線コネクタ 108">
            <a:extLst>
              <a:ext uri="{FF2B5EF4-FFF2-40B4-BE49-F238E27FC236}">
                <a16:creationId xmlns:a16="http://schemas.microsoft.com/office/drawing/2014/main" id="{F939199D-45B1-3F00-EC93-3520CDD12488}"/>
              </a:ext>
            </a:extLst>
          </p:cNvPr>
          <p:cNvCxnSpPr>
            <a:cxnSpLocks noChangeShapeType="1"/>
          </p:cNvCxnSpPr>
          <p:nvPr/>
        </p:nvCxnSpPr>
        <p:spPr bwMode="auto">
          <a:xfrm rot="10800000">
            <a:off x="2373313" y="5859463"/>
            <a:ext cx="2079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216" name="_s197661">
            <a:extLst>
              <a:ext uri="{FF2B5EF4-FFF2-40B4-BE49-F238E27FC236}">
                <a16:creationId xmlns:a16="http://schemas.microsoft.com/office/drawing/2014/main" id="{D31125FB-8169-86D7-8682-DD52A4E9832E}"/>
              </a:ext>
            </a:extLst>
          </p:cNvPr>
          <p:cNvSpPr>
            <a:spLocks noChangeArrowheads="1"/>
          </p:cNvSpPr>
          <p:nvPr/>
        </p:nvSpPr>
        <p:spPr bwMode="auto">
          <a:xfrm>
            <a:off x="638177" y="5695950"/>
            <a:ext cx="1719263" cy="439738"/>
          </a:xfrm>
          <a:prstGeom prst="cube">
            <a:avLst>
              <a:gd name="adj" fmla="val 2601"/>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鉄筋径推定</a:t>
            </a:r>
          </a:p>
          <a:p>
            <a:pPr eaLnBrk="1" hangingPunct="1">
              <a:defRPr/>
            </a:pPr>
            <a:r>
              <a:rPr lang="ja-JP" altLang="en-US" sz="1200" dirty="0"/>
              <a:t>豆板・空洞調査</a:t>
            </a:r>
          </a:p>
        </p:txBody>
      </p:sp>
      <p:sp>
        <p:nvSpPr>
          <p:cNvPr id="6217" name="フリーフォーム 110">
            <a:extLst>
              <a:ext uri="{FF2B5EF4-FFF2-40B4-BE49-F238E27FC236}">
                <a16:creationId xmlns:a16="http://schemas.microsoft.com/office/drawing/2014/main" id="{3424B11E-B4FF-AD71-00BB-77E1D574629A}"/>
              </a:ext>
            </a:extLst>
          </p:cNvPr>
          <p:cNvSpPr>
            <a:spLocks/>
          </p:cNvSpPr>
          <p:nvPr/>
        </p:nvSpPr>
        <p:spPr bwMode="auto">
          <a:xfrm flipH="1">
            <a:off x="3940175" y="4221163"/>
            <a:ext cx="184150" cy="1619250"/>
          </a:xfrm>
          <a:custGeom>
            <a:avLst/>
            <a:gdLst>
              <a:gd name="T0" fmla="*/ 0 w 184150"/>
              <a:gd name="T1" fmla="*/ 0 h 1619250"/>
              <a:gd name="T2" fmla="*/ 0 w 184150"/>
              <a:gd name="T3" fmla="*/ 1619250 h 1619250"/>
              <a:gd name="T4" fmla="*/ 184150 w 184150"/>
              <a:gd name="T5" fmla="*/ 1619250 h 1619250"/>
              <a:gd name="T6" fmla="*/ 0 60000 65536"/>
              <a:gd name="T7" fmla="*/ 0 60000 65536"/>
              <a:gd name="T8" fmla="*/ 0 60000 65536"/>
              <a:gd name="T9" fmla="*/ 0 w 184150"/>
              <a:gd name="T10" fmla="*/ 0 h 1619250"/>
              <a:gd name="T11" fmla="*/ 184150 w 184150"/>
              <a:gd name="T12" fmla="*/ 1619250 h 1619250"/>
            </a:gdLst>
            <a:ahLst/>
            <a:cxnLst>
              <a:cxn ang="T6">
                <a:pos x="T0" y="T1"/>
              </a:cxn>
              <a:cxn ang="T7">
                <a:pos x="T2" y="T3"/>
              </a:cxn>
              <a:cxn ang="T8">
                <a:pos x="T4" y="T5"/>
              </a:cxn>
            </a:cxnLst>
            <a:rect l="T9" t="T10" r="T11" b="T12"/>
            <a:pathLst>
              <a:path w="184150" h="1619250">
                <a:moveTo>
                  <a:pt x="0" y="0"/>
                </a:moveTo>
                <a:lnTo>
                  <a:pt x="0" y="1619250"/>
                </a:lnTo>
                <a:lnTo>
                  <a:pt x="184150" y="1619250"/>
                </a:lnTo>
              </a:path>
            </a:pathLst>
          </a:custGeom>
          <a:ln>
            <a:headEnd/>
            <a:tailEnd/>
          </a:ln>
        </p:spPr>
        <p:style>
          <a:lnRef idx="1">
            <a:schemeClr val="dk1"/>
          </a:lnRef>
          <a:fillRef idx="0">
            <a:schemeClr val="dk1"/>
          </a:fillRef>
          <a:effectRef idx="0">
            <a:schemeClr val="dk1"/>
          </a:effectRef>
          <a:fontRef idx="minor">
            <a:schemeClr val="tx1"/>
          </a:fontRef>
        </p:style>
        <p:txBody>
          <a:bodyPr anchor="ctr"/>
          <a:lstStyle/>
          <a:p>
            <a:pPr eaLnBrk="1" hangingPunct="1">
              <a:defRPr/>
            </a:pPr>
            <a:endParaRPr lang="ja-JP" altLang="en-US"/>
          </a:p>
        </p:txBody>
      </p:sp>
      <p:sp>
        <p:nvSpPr>
          <p:cNvPr id="6218" name="_s197667">
            <a:extLst>
              <a:ext uri="{FF2B5EF4-FFF2-40B4-BE49-F238E27FC236}">
                <a16:creationId xmlns:a16="http://schemas.microsoft.com/office/drawing/2014/main" id="{3368CFBB-5BB5-415C-CEE1-007CB8007A73}"/>
              </a:ext>
            </a:extLst>
          </p:cNvPr>
          <p:cNvSpPr>
            <a:spLocks noChangeArrowheads="1"/>
          </p:cNvSpPr>
          <p:nvPr/>
        </p:nvSpPr>
        <p:spPr bwMode="auto">
          <a:xfrm>
            <a:off x="2581275" y="5695950"/>
            <a:ext cx="1385888" cy="30638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82296" tIns="41148" rIns="82296" bIns="41148" anchor="ctr"/>
          <a:lstStyle/>
          <a:p>
            <a:pPr eaLnBrk="1" hangingPunct="1">
              <a:defRPr/>
            </a:pPr>
            <a:r>
              <a:rPr lang="ja-JP" altLang="en-US" sz="1200" dirty="0"/>
              <a:t>放射線透過試験</a:t>
            </a:r>
          </a:p>
        </p:txBody>
      </p:sp>
      <p:cxnSp>
        <p:nvCxnSpPr>
          <p:cNvPr id="6219" name="直線コネクタ 112">
            <a:extLst>
              <a:ext uri="{FF2B5EF4-FFF2-40B4-BE49-F238E27FC236}">
                <a16:creationId xmlns:a16="http://schemas.microsoft.com/office/drawing/2014/main" id="{4681B78B-4099-D250-AE31-2863F69E7E5B}"/>
              </a:ext>
            </a:extLst>
          </p:cNvPr>
          <p:cNvCxnSpPr>
            <a:cxnSpLocks noChangeShapeType="1"/>
            <a:stCxn id="6178" idx="5"/>
          </p:cNvCxnSpPr>
          <p:nvPr/>
        </p:nvCxnSpPr>
        <p:spPr bwMode="auto">
          <a:xfrm flipV="1">
            <a:off x="3967165" y="5124450"/>
            <a:ext cx="161925" cy="1588"/>
          </a:xfrm>
          <a:prstGeom prst="line">
            <a:avLst/>
          </a:prstGeom>
          <a:ln>
            <a:headEnd/>
            <a:tailEnd/>
          </a:ln>
        </p:spPr>
        <p:style>
          <a:lnRef idx="1">
            <a:schemeClr val="dk1"/>
          </a:lnRef>
          <a:fillRef idx="0">
            <a:schemeClr val="dk1"/>
          </a:fillRef>
          <a:effectRef idx="0">
            <a:schemeClr val="dk1"/>
          </a:effectRef>
          <a:fontRef idx="minor">
            <a:schemeClr val="tx1"/>
          </a:fontRef>
        </p:style>
      </p:cxnSp>
      <p:cxnSp>
        <p:nvCxnSpPr>
          <p:cNvPr id="6220" name="直線コネクタ 114">
            <a:extLst>
              <a:ext uri="{FF2B5EF4-FFF2-40B4-BE49-F238E27FC236}">
                <a16:creationId xmlns:a16="http://schemas.microsoft.com/office/drawing/2014/main" id="{AE87BF5D-DCA5-FC53-DFA1-80A80B55E298}"/>
              </a:ext>
            </a:extLst>
          </p:cNvPr>
          <p:cNvCxnSpPr>
            <a:cxnSpLocks noChangeShapeType="1"/>
          </p:cNvCxnSpPr>
          <p:nvPr/>
        </p:nvCxnSpPr>
        <p:spPr bwMode="auto">
          <a:xfrm flipV="1">
            <a:off x="3967165" y="5480050"/>
            <a:ext cx="161925"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221" name="フリーフォーム 115">
            <a:extLst>
              <a:ext uri="{FF2B5EF4-FFF2-40B4-BE49-F238E27FC236}">
                <a16:creationId xmlns:a16="http://schemas.microsoft.com/office/drawing/2014/main" id="{D573807F-9FAD-DDCB-33F1-04AE7E01DCFA}"/>
              </a:ext>
            </a:extLst>
          </p:cNvPr>
          <p:cNvSpPr>
            <a:spLocks/>
          </p:cNvSpPr>
          <p:nvPr/>
        </p:nvSpPr>
        <p:spPr bwMode="auto">
          <a:xfrm>
            <a:off x="3281363" y="2903540"/>
            <a:ext cx="163512" cy="1133475"/>
          </a:xfrm>
          <a:custGeom>
            <a:avLst/>
            <a:gdLst>
              <a:gd name="T0" fmla="*/ 0 w 162685"/>
              <a:gd name="T1" fmla="*/ 1135813 h 1133183"/>
              <a:gd name="T2" fmla="*/ 164410 w 162685"/>
              <a:gd name="T3" fmla="*/ 1135813 h 1133183"/>
              <a:gd name="T4" fmla="*/ 170281 w 162685"/>
              <a:gd name="T5" fmla="*/ 0 h 1133183"/>
              <a:gd name="T6" fmla="*/ 0 60000 65536"/>
              <a:gd name="T7" fmla="*/ 0 60000 65536"/>
              <a:gd name="T8" fmla="*/ 0 60000 65536"/>
              <a:gd name="T9" fmla="*/ 0 w 162685"/>
              <a:gd name="T10" fmla="*/ 0 h 1133183"/>
              <a:gd name="T11" fmla="*/ 162685 w 162685"/>
              <a:gd name="T12" fmla="*/ 1133183 h 1133183"/>
            </a:gdLst>
            <a:ahLst/>
            <a:cxnLst>
              <a:cxn ang="T6">
                <a:pos x="T0" y="T1"/>
              </a:cxn>
              <a:cxn ang="T7">
                <a:pos x="T2" y="T3"/>
              </a:cxn>
              <a:cxn ang="T8">
                <a:pos x="T4" y="T5"/>
              </a:cxn>
            </a:cxnLst>
            <a:rect l="T9" t="T10" r="T11" b="T12"/>
            <a:pathLst>
              <a:path w="162685" h="1133183">
                <a:moveTo>
                  <a:pt x="0" y="1133183"/>
                </a:moveTo>
                <a:lnTo>
                  <a:pt x="157075" y="1133183"/>
                </a:lnTo>
                <a:lnTo>
                  <a:pt x="162685" y="0"/>
                </a:lnTo>
              </a:path>
            </a:pathLst>
          </a:custGeom>
          <a:ln>
            <a:headEnd/>
            <a:tailEnd/>
          </a:ln>
        </p:spPr>
        <p:style>
          <a:lnRef idx="1">
            <a:schemeClr val="dk1"/>
          </a:lnRef>
          <a:fillRef idx="0">
            <a:schemeClr val="dk1"/>
          </a:fillRef>
          <a:effectRef idx="0">
            <a:schemeClr val="dk1"/>
          </a:effectRef>
          <a:fontRef idx="minor">
            <a:schemeClr val="tx1"/>
          </a:fontRef>
        </p:style>
        <p:txBody>
          <a:bodyPr anchor="ctr"/>
          <a:lstStyle/>
          <a:p>
            <a:pPr eaLnBrk="1" hangingPunct="1">
              <a:defRPr/>
            </a:pPr>
            <a:endParaRPr lang="ja-JP" altLang="en-US"/>
          </a:p>
        </p:txBody>
      </p:sp>
      <p:cxnSp>
        <p:nvCxnSpPr>
          <p:cNvPr id="6222" name="直線コネクタ 117">
            <a:extLst>
              <a:ext uri="{FF2B5EF4-FFF2-40B4-BE49-F238E27FC236}">
                <a16:creationId xmlns:a16="http://schemas.microsoft.com/office/drawing/2014/main" id="{66126FAD-8CA9-AB1E-8BA3-B818D8BE82E9}"/>
              </a:ext>
            </a:extLst>
          </p:cNvPr>
          <p:cNvCxnSpPr>
            <a:cxnSpLocks noChangeShapeType="1"/>
            <a:stCxn id="6170" idx="5"/>
          </p:cNvCxnSpPr>
          <p:nvPr/>
        </p:nvCxnSpPr>
        <p:spPr bwMode="auto">
          <a:xfrm flipV="1">
            <a:off x="3287715" y="3127375"/>
            <a:ext cx="161925" cy="0"/>
          </a:xfrm>
          <a:prstGeom prst="line">
            <a:avLst/>
          </a:prstGeom>
          <a:ln>
            <a:headEnd/>
            <a:tailEnd/>
          </a:ln>
        </p:spPr>
        <p:style>
          <a:lnRef idx="1">
            <a:schemeClr val="dk1"/>
          </a:lnRef>
          <a:fillRef idx="0">
            <a:schemeClr val="dk1"/>
          </a:fillRef>
          <a:effectRef idx="0">
            <a:schemeClr val="dk1"/>
          </a:effectRef>
          <a:fontRef idx="minor">
            <a:schemeClr val="tx1"/>
          </a:fontRef>
        </p:style>
      </p:cxnSp>
      <p:cxnSp>
        <p:nvCxnSpPr>
          <p:cNvPr id="6223" name="直線コネクタ 118">
            <a:extLst>
              <a:ext uri="{FF2B5EF4-FFF2-40B4-BE49-F238E27FC236}">
                <a16:creationId xmlns:a16="http://schemas.microsoft.com/office/drawing/2014/main" id="{268239A4-53F6-0237-7080-4EDFA63E7B96}"/>
              </a:ext>
            </a:extLst>
          </p:cNvPr>
          <p:cNvCxnSpPr>
            <a:cxnSpLocks noChangeShapeType="1"/>
          </p:cNvCxnSpPr>
          <p:nvPr/>
        </p:nvCxnSpPr>
        <p:spPr bwMode="auto">
          <a:xfrm flipV="1">
            <a:off x="3287715" y="3671888"/>
            <a:ext cx="161925" cy="0"/>
          </a:xfrm>
          <a:prstGeom prst="line">
            <a:avLst/>
          </a:prstGeom>
          <a:ln>
            <a:headEnd/>
            <a:tailEnd/>
          </a:ln>
        </p:spPr>
        <p:style>
          <a:lnRef idx="1">
            <a:schemeClr val="dk1"/>
          </a:lnRef>
          <a:fillRef idx="0">
            <a:schemeClr val="dk1"/>
          </a:fillRef>
          <a:effectRef idx="0">
            <a:schemeClr val="dk1"/>
          </a:effectRef>
          <a:fontRef idx="minor">
            <a:schemeClr val="tx1"/>
          </a:fontRef>
        </p:style>
      </p:cxnSp>
      <p:cxnSp>
        <p:nvCxnSpPr>
          <p:cNvPr id="6224" name="_s197644">
            <a:extLst>
              <a:ext uri="{FF2B5EF4-FFF2-40B4-BE49-F238E27FC236}">
                <a16:creationId xmlns:a16="http://schemas.microsoft.com/office/drawing/2014/main" id="{87D579FD-1069-DC55-C18B-25F525D28B1D}"/>
              </a:ext>
            </a:extLst>
          </p:cNvPr>
          <p:cNvCxnSpPr>
            <a:cxnSpLocks noChangeShapeType="1"/>
          </p:cNvCxnSpPr>
          <p:nvPr/>
        </p:nvCxnSpPr>
        <p:spPr bwMode="auto">
          <a:xfrm rot="10800000">
            <a:off x="5327652" y="3716338"/>
            <a:ext cx="180975" cy="730250"/>
          </a:xfrm>
          <a:prstGeom prst="bentConnector2">
            <a:avLst/>
          </a:prstGeom>
          <a:ln>
            <a:headEnd/>
            <a:tailEnd/>
          </a:ln>
        </p:spPr>
        <p:style>
          <a:lnRef idx="1">
            <a:schemeClr val="dk1"/>
          </a:lnRef>
          <a:fillRef idx="0">
            <a:schemeClr val="dk1"/>
          </a:fillRef>
          <a:effectRef idx="0">
            <a:schemeClr val="dk1"/>
          </a:effectRef>
          <a:fontRef idx="minor">
            <a:schemeClr val="tx1"/>
          </a:fontRef>
        </p:style>
      </p:cxnSp>
      <p:sp>
        <p:nvSpPr>
          <p:cNvPr id="6225" name="_s197657">
            <a:extLst>
              <a:ext uri="{FF2B5EF4-FFF2-40B4-BE49-F238E27FC236}">
                <a16:creationId xmlns:a16="http://schemas.microsoft.com/office/drawing/2014/main" id="{C719FEFF-0DE3-E1C0-9E9E-1AF1DC02292F}"/>
              </a:ext>
            </a:extLst>
          </p:cNvPr>
          <p:cNvSpPr>
            <a:spLocks noChangeArrowheads="1"/>
          </p:cNvSpPr>
          <p:nvPr/>
        </p:nvSpPr>
        <p:spPr bwMode="auto">
          <a:xfrm>
            <a:off x="4427540" y="6021390"/>
            <a:ext cx="1019175" cy="306387"/>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18599" tIns="9301" rIns="18599" bIns="9301" anchor="ctr"/>
          <a:lstStyle/>
          <a:p>
            <a:pPr eaLnBrk="1" hangingPunct="1">
              <a:defRPr/>
            </a:pPr>
            <a:r>
              <a:rPr lang="ja-JP" altLang="en-US" sz="900"/>
              <a:t>応力（ひずみ）測定</a:t>
            </a:r>
          </a:p>
        </p:txBody>
      </p:sp>
      <p:cxnSp>
        <p:nvCxnSpPr>
          <p:cNvPr id="6226" name="_s197647">
            <a:extLst>
              <a:ext uri="{FF2B5EF4-FFF2-40B4-BE49-F238E27FC236}">
                <a16:creationId xmlns:a16="http://schemas.microsoft.com/office/drawing/2014/main" id="{FCDB47FB-706A-1C2D-6CDA-404B7EBED82A}"/>
              </a:ext>
            </a:extLst>
          </p:cNvPr>
          <p:cNvCxnSpPr>
            <a:cxnSpLocks noChangeShapeType="1"/>
          </p:cNvCxnSpPr>
          <p:nvPr/>
        </p:nvCxnSpPr>
        <p:spPr bwMode="auto">
          <a:xfrm flipV="1">
            <a:off x="3933825" y="5048250"/>
            <a:ext cx="192088" cy="1189038"/>
          </a:xfrm>
          <a:prstGeom prst="bentConnector2">
            <a:avLst/>
          </a:prstGeom>
          <a:ln>
            <a:headEnd/>
            <a:tailEnd/>
          </a:ln>
        </p:spPr>
        <p:style>
          <a:lnRef idx="1">
            <a:schemeClr val="dk1"/>
          </a:lnRef>
          <a:fillRef idx="0">
            <a:schemeClr val="dk1"/>
          </a:fillRef>
          <a:effectRef idx="0">
            <a:schemeClr val="dk1"/>
          </a:effectRef>
          <a:fontRef idx="minor">
            <a:schemeClr val="tx1"/>
          </a:fontRef>
        </p:style>
      </p:cxnSp>
      <p:sp>
        <p:nvSpPr>
          <p:cNvPr id="6227" name="_s197657">
            <a:extLst>
              <a:ext uri="{FF2B5EF4-FFF2-40B4-BE49-F238E27FC236}">
                <a16:creationId xmlns:a16="http://schemas.microsoft.com/office/drawing/2014/main" id="{27456A88-8A54-E61B-196C-92824DC985C5}"/>
              </a:ext>
            </a:extLst>
          </p:cNvPr>
          <p:cNvSpPr>
            <a:spLocks noChangeArrowheads="1"/>
          </p:cNvSpPr>
          <p:nvPr/>
        </p:nvSpPr>
        <p:spPr bwMode="auto">
          <a:xfrm>
            <a:off x="2581275" y="6135690"/>
            <a:ext cx="1385888" cy="274637"/>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18599" tIns="9301" rIns="18599" bIns="9301" anchor="ctr"/>
          <a:lstStyle/>
          <a:p>
            <a:pPr eaLnBrk="1" hangingPunct="1">
              <a:defRPr/>
            </a:pPr>
            <a:r>
              <a:rPr lang="ja-JP" altLang="en-US" sz="1200" dirty="0"/>
              <a:t>振動・たわみ測定</a:t>
            </a:r>
          </a:p>
        </p:txBody>
      </p:sp>
      <p:cxnSp>
        <p:nvCxnSpPr>
          <p:cNvPr id="6228" name="直線コネクタ 77">
            <a:extLst>
              <a:ext uri="{FF2B5EF4-FFF2-40B4-BE49-F238E27FC236}">
                <a16:creationId xmlns:a16="http://schemas.microsoft.com/office/drawing/2014/main" id="{2A36B382-3830-306A-8BA0-4385EF0B2A9D}"/>
              </a:ext>
            </a:extLst>
          </p:cNvPr>
          <p:cNvCxnSpPr>
            <a:cxnSpLocks noChangeShapeType="1"/>
          </p:cNvCxnSpPr>
          <p:nvPr/>
        </p:nvCxnSpPr>
        <p:spPr bwMode="auto">
          <a:xfrm rot="10800000">
            <a:off x="2741613" y="1916113"/>
            <a:ext cx="207962"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6229" name="_s197661">
            <a:extLst>
              <a:ext uri="{FF2B5EF4-FFF2-40B4-BE49-F238E27FC236}">
                <a16:creationId xmlns:a16="http://schemas.microsoft.com/office/drawing/2014/main" id="{DF11FC40-CEF9-D1A4-4EF0-FE0E45AB68F4}"/>
              </a:ext>
            </a:extLst>
          </p:cNvPr>
          <p:cNvSpPr>
            <a:spLocks noChangeArrowheads="1"/>
          </p:cNvSpPr>
          <p:nvPr/>
        </p:nvSpPr>
        <p:spPr bwMode="auto">
          <a:xfrm>
            <a:off x="1736727" y="1817688"/>
            <a:ext cx="1020763" cy="214312"/>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1200" dirty="0"/>
              <a:t>画像解析法等</a:t>
            </a:r>
          </a:p>
        </p:txBody>
      </p:sp>
      <p:sp>
        <p:nvSpPr>
          <p:cNvPr id="6230" name="_s197661">
            <a:extLst>
              <a:ext uri="{FF2B5EF4-FFF2-40B4-BE49-F238E27FC236}">
                <a16:creationId xmlns:a16="http://schemas.microsoft.com/office/drawing/2014/main" id="{2D4E5F49-996B-4921-CC36-F40DDA3F3D21}"/>
              </a:ext>
            </a:extLst>
          </p:cNvPr>
          <p:cNvSpPr>
            <a:spLocks noChangeArrowheads="1"/>
          </p:cNvSpPr>
          <p:nvPr/>
        </p:nvSpPr>
        <p:spPr bwMode="auto">
          <a:xfrm>
            <a:off x="5508627" y="4292600"/>
            <a:ext cx="1020763" cy="287338"/>
          </a:xfrm>
          <a:prstGeom prst="cube">
            <a:avLst>
              <a:gd name="adj" fmla="val 10764"/>
            </a:avLst>
          </a:prstGeom>
          <a:ln>
            <a:headEnd/>
            <a:tailEnd/>
          </a:ln>
        </p:spPr>
        <p:style>
          <a:lnRef idx="2">
            <a:schemeClr val="dk1"/>
          </a:lnRef>
          <a:fillRef idx="1">
            <a:schemeClr val="lt1"/>
          </a:fillRef>
          <a:effectRef idx="0">
            <a:schemeClr val="dk1"/>
          </a:effectRef>
          <a:fontRef idx="minor">
            <a:schemeClr val="dk1"/>
          </a:fontRef>
        </p:style>
        <p:txBody>
          <a:bodyPr wrap="none" lIns="49322" tIns="24662" rIns="49322" bIns="24662" anchor="ctr"/>
          <a:lstStyle/>
          <a:p>
            <a:pPr eaLnBrk="1" hangingPunct="1">
              <a:defRPr/>
            </a:pPr>
            <a:r>
              <a:rPr lang="ja-JP" altLang="en-US" sz="900"/>
              <a:t>内部調査（</a:t>
            </a:r>
            <a:r>
              <a:rPr lang="en-US" altLang="ja-JP" sz="900"/>
              <a:t>μ</a:t>
            </a:r>
            <a:r>
              <a:rPr lang="ja-JP" altLang="en-US" sz="900"/>
              <a:t>カメラ）</a:t>
            </a:r>
          </a:p>
        </p:txBody>
      </p:sp>
      <p:cxnSp>
        <p:nvCxnSpPr>
          <p:cNvPr id="6231" name="直線コネクタ 103">
            <a:extLst>
              <a:ext uri="{FF2B5EF4-FFF2-40B4-BE49-F238E27FC236}">
                <a16:creationId xmlns:a16="http://schemas.microsoft.com/office/drawing/2014/main" id="{AFABC9DD-941D-FC0E-205B-4B33DB15679F}"/>
              </a:ext>
            </a:extLst>
          </p:cNvPr>
          <p:cNvCxnSpPr>
            <a:cxnSpLocks noChangeShapeType="1"/>
          </p:cNvCxnSpPr>
          <p:nvPr/>
        </p:nvCxnSpPr>
        <p:spPr bwMode="auto">
          <a:xfrm rot="10800000">
            <a:off x="4140200" y="5281613"/>
            <a:ext cx="287338" cy="0"/>
          </a:xfrm>
          <a:prstGeom prst="line">
            <a:avLst/>
          </a:prstGeom>
          <a:ln>
            <a:headEnd/>
            <a:tailEnd/>
          </a:ln>
        </p:spPr>
        <p:style>
          <a:lnRef idx="1">
            <a:schemeClr val="dk1"/>
          </a:lnRef>
          <a:fillRef idx="0">
            <a:schemeClr val="dk1"/>
          </a:fillRef>
          <a:effectRef idx="0">
            <a:schemeClr val="dk1"/>
          </a:effectRef>
          <a:fontRef idx="minor">
            <a:schemeClr val="tx1"/>
          </a:fontRef>
        </p:style>
      </p:cxnSp>
      <p:cxnSp>
        <p:nvCxnSpPr>
          <p:cNvPr id="6232" name="直線コネクタ 103">
            <a:extLst>
              <a:ext uri="{FF2B5EF4-FFF2-40B4-BE49-F238E27FC236}">
                <a16:creationId xmlns:a16="http://schemas.microsoft.com/office/drawing/2014/main" id="{79356E7E-1029-D850-C31B-784BD7047C8D}"/>
              </a:ext>
            </a:extLst>
          </p:cNvPr>
          <p:cNvCxnSpPr>
            <a:cxnSpLocks noChangeShapeType="1"/>
          </p:cNvCxnSpPr>
          <p:nvPr/>
        </p:nvCxnSpPr>
        <p:spPr bwMode="auto">
          <a:xfrm rot="10800000">
            <a:off x="4140200" y="5784850"/>
            <a:ext cx="287338"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56409" name="Text Box 108">
            <a:extLst>
              <a:ext uri="{FF2B5EF4-FFF2-40B4-BE49-F238E27FC236}">
                <a16:creationId xmlns:a16="http://schemas.microsoft.com/office/drawing/2014/main" id="{710CA79A-F20B-A94C-CCA1-EB6D4F0B34C2}"/>
              </a:ext>
            </a:extLst>
          </p:cNvPr>
          <p:cNvSpPr txBox="1">
            <a:spLocks noChangeArrowheads="1"/>
          </p:cNvSpPr>
          <p:nvPr/>
        </p:nvSpPr>
        <p:spPr bwMode="auto">
          <a:xfrm>
            <a:off x="4284663" y="5353052"/>
            <a:ext cx="1389062"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000">
                <a:latin typeface="Arial" panose="020B0604020202020204" pitchFamily="34" charset="0"/>
              </a:rPr>
              <a:t>＊一部微破壊を含む。</a:t>
            </a:r>
          </a:p>
        </p:txBody>
      </p:sp>
      <p:cxnSp>
        <p:nvCxnSpPr>
          <p:cNvPr id="6234" name="直線コネクタ 103">
            <a:extLst>
              <a:ext uri="{FF2B5EF4-FFF2-40B4-BE49-F238E27FC236}">
                <a16:creationId xmlns:a16="http://schemas.microsoft.com/office/drawing/2014/main" id="{DD14EFC2-5707-BFCE-E18C-9ED4974CC3D0}"/>
              </a:ext>
            </a:extLst>
          </p:cNvPr>
          <p:cNvCxnSpPr>
            <a:cxnSpLocks noChangeShapeType="1"/>
          </p:cNvCxnSpPr>
          <p:nvPr/>
        </p:nvCxnSpPr>
        <p:spPr bwMode="auto">
          <a:xfrm rot="10800000">
            <a:off x="4140200" y="6237288"/>
            <a:ext cx="287338" cy="0"/>
          </a:xfrm>
          <a:prstGeom prst="line">
            <a:avLst/>
          </a:prstGeom>
          <a:ln>
            <a:headEnd/>
            <a:tailEnd/>
          </a:ln>
        </p:spPr>
        <p:style>
          <a:lnRef idx="1">
            <a:schemeClr val="dk1"/>
          </a:lnRef>
          <a:fillRef idx="0">
            <a:schemeClr val="dk1"/>
          </a:fillRef>
          <a:effectRef idx="0">
            <a:schemeClr val="dk1"/>
          </a:effectRef>
          <a:fontRef idx="minor">
            <a:schemeClr val="tx1"/>
          </a:fontRef>
        </p:style>
      </p:cxnSp>
      <p:sp>
        <p:nvSpPr>
          <p:cNvPr id="56411" name="Text Box 110">
            <a:extLst>
              <a:ext uri="{FF2B5EF4-FFF2-40B4-BE49-F238E27FC236}">
                <a16:creationId xmlns:a16="http://schemas.microsoft.com/office/drawing/2014/main" id="{A7B75912-DC60-5FF0-EA0D-FE939919CCA7}"/>
              </a:ext>
            </a:extLst>
          </p:cNvPr>
          <p:cNvSpPr txBox="1">
            <a:spLocks noChangeArrowheads="1"/>
          </p:cNvSpPr>
          <p:nvPr/>
        </p:nvSpPr>
        <p:spPr bwMode="auto">
          <a:xfrm>
            <a:off x="4427538" y="6308727"/>
            <a:ext cx="1592262" cy="244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000">
                <a:latin typeface="Arial" panose="020B0604020202020204" pitchFamily="34" charset="0"/>
              </a:rPr>
              <a:t>＊破壊を含む場合もある。</a:t>
            </a:r>
          </a:p>
        </p:txBody>
      </p:sp>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スライド番号プレースホルダー 1">
            <a:extLst>
              <a:ext uri="{FF2B5EF4-FFF2-40B4-BE49-F238E27FC236}">
                <a16:creationId xmlns:a16="http://schemas.microsoft.com/office/drawing/2014/main" id="{8AB8254A-37EA-2D52-01F7-4440DD42FD91}"/>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CB69C7A3-16AD-4C61-BB98-FA60E26D1CCA}" type="slidenum">
              <a:rPr lang="ja-JP" altLang="en-US" sz="1200" smtClean="0">
                <a:solidFill>
                  <a:srgbClr val="898989"/>
                </a:solidFill>
                <a:latin typeface="Arial" panose="020B0604020202020204" pitchFamily="34" charset="0"/>
              </a:rPr>
              <a:pPr>
                <a:spcBef>
                  <a:spcPct val="0"/>
                </a:spcBef>
                <a:buFontTx/>
                <a:buNone/>
              </a:pPr>
              <a:t>33</a:t>
            </a:fld>
            <a:endParaRPr lang="en-US" altLang="ja-JP" sz="1200">
              <a:solidFill>
                <a:srgbClr val="898989"/>
              </a:solidFill>
              <a:latin typeface="Arial" panose="020B0604020202020204" pitchFamily="34" charset="0"/>
            </a:endParaRPr>
          </a:p>
        </p:txBody>
      </p:sp>
      <p:pic>
        <p:nvPicPr>
          <p:cNvPr id="40963" name="Picture 2" descr="F:\九頭竜\DSC00251.JPG">
            <a:extLst>
              <a:ext uri="{FF2B5EF4-FFF2-40B4-BE49-F238E27FC236}">
                <a16:creationId xmlns:a16="http://schemas.microsoft.com/office/drawing/2014/main" id="{521C7607-7471-79DC-A1E9-A313C3F586D5}"/>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61938" y="615950"/>
            <a:ext cx="2668587" cy="20018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964" name="図 18" descr="説明: IMGP2379.JPG">
            <a:extLst>
              <a:ext uri="{FF2B5EF4-FFF2-40B4-BE49-F238E27FC236}">
                <a16:creationId xmlns:a16="http://schemas.microsoft.com/office/drawing/2014/main" id="{073A8164-2679-8418-B623-850E0A9DA48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8125" y="3006725"/>
            <a:ext cx="2635250" cy="1770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965" name="図 1">
            <a:extLst>
              <a:ext uri="{FF2B5EF4-FFF2-40B4-BE49-F238E27FC236}">
                <a16:creationId xmlns:a16="http://schemas.microsoft.com/office/drawing/2014/main" id="{9311B5C4-A662-660B-8F99-921412E27ED2}"/>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2413" y="5037138"/>
            <a:ext cx="3475037" cy="1684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矢印: 下 2">
            <a:extLst>
              <a:ext uri="{FF2B5EF4-FFF2-40B4-BE49-F238E27FC236}">
                <a16:creationId xmlns:a16="http://schemas.microsoft.com/office/drawing/2014/main" id="{D054C919-BF2F-EDF3-C670-C3E563CD5FDA}"/>
              </a:ext>
            </a:extLst>
          </p:cNvPr>
          <p:cNvSpPr/>
          <p:nvPr/>
        </p:nvSpPr>
        <p:spPr>
          <a:xfrm>
            <a:off x="1273175" y="4667250"/>
            <a:ext cx="647700" cy="303213"/>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4" name="矢印: 下 3">
            <a:extLst>
              <a:ext uri="{FF2B5EF4-FFF2-40B4-BE49-F238E27FC236}">
                <a16:creationId xmlns:a16="http://schemas.microsoft.com/office/drawing/2014/main" id="{BA6D1275-6D52-69D3-4593-C28C72B9E401}"/>
              </a:ext>
            </a:extLst>
          </p:cNvPr>
          <p:cNvSpPr/>
          <p:nvPr/>
        </p:nvSpPr>
        <p:spPr>
          <a:xfrm>
            <a:off x="1236663" y="2662238"/>
            <a:ext cx="647700" cy="303212"/>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40968" name="テキスト ボックス 4">
            <a:extLst>
              <a:ext uri="{FF2B5EF4-FFF2-40B4-BE49-F238E27FC236}">
                <a16:creationId xmlns:a16="http://schemas.microsoft.com/office/drawing/2014/main" id="{ED3CA8C4-9BA9-008D-95F8-4F965A65208C}"/>
              </a:ext>
            </a:extLst>
          </p:cNvPr>
          <p:cNvSpPr txBox="1">
            <a:spLocks noChangeArrowheads="1"/>
          </p:cNvSpPr>
          <p:nvPr/>
        </p:nvSpPr>
        <p:spPr bwMode="auto">
          <a:xfrm>
            <a:off x="827088" y="52388"/>
            <a:ext cx="6354762" cy="585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a:latin typeface="Arial" panose="020B0604020202020204" pitchFamily="34" charset="0"/>
              </a:rPr>
              <a:t>本来の構造物診断　は　必要に応じ</a:t>
            </a:r>
          </a:p>
        </p:txBody>
      </p:sp>
      <p:sp>
        <p:nvSpPr>
          <p:cNvPr id="40969" name="テキスト ボックス 6">
            <a:extLst>
              <a:ext uri="{FF2B5EF4-FFF2-40B4-BE49-F238E27FC236}">
                <a16:creationId xmlns:a16="http://schemas.microsoft.com/office/drawing/2014/main" id="{6294E19A-ED88-0DDD-5BA1-82D6806F0A64}"/>
              </a:ext>
            </a:extLst>
          </p:cNvPr>
          <p:cNvSpPr txBox="1">
            <a:spLocks noChangeArrowheads="1"/>
          </p:cNvSpPr>
          <p:nvPr/>
        </p:nvSpPr>
        <p:spPr bwMode="auto">
          <a:xfrm>
            <a:off x="3667125" y="1087438"/>
            <a:ext cx="5037138"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000">
                <a:latin typeface="Arial" panose="020B0604020202020204" pitchFamily="34" charset="0"/>
              </a:rPr>
              <a:t>目視点検で、大まかな判断と、スクリーニング</a:t>
            </a:r>
          </a:p>
        </p:txBody>
      </p:sp>
      <p:sp>
        <p:nvSpPr>
          <p:cNvPr id="40970" name="テキスト ボックス 7">
            <a:extLst>
              <a:ext uri="{FF2B5EF4-FFF2-40B4-BE49-F238E27FC236}">
                <a16:creationId xmlns:a16="http://schemas.microsoft.com/office/drawing/2014/main" id="{A465F8E2-AA9F-602B-CCE5-6122EC4CBF8B}"/>
              </a:ext>
            </a:extLst>
          </p:cNvPr>
          <p:cNvSpPr txBox="1">
            <a:spLocks noChangeArrowheads="1"/>
          </p:cNvSpPr>
          <p:nvPr/>
        </p:nvSpPr>
        <p:spPr bwMode="auto">
          <a:xfrm>
            <a:off x="3667125" y="3059113"/>
            <a:ext cx="2749550" cy="101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000">
                <a:latin typeface="Arial" panose="020B0604020202020204" pitchFamily="34" charset="0"/>
              </a:rPr>
              <a:t>場合によれば詳細点検</a:t>
            </a:r>
            <a:endParaRPr lang="en-US" altLang="ja-JP" sz="2000">
              <a:latin typeface="Arial" panose="020B0604020202020204" pitchFamily="34" charset="0"/>
            </a:endParaRPr>
          </a:p>
          <a:p>
            <a:pPr>
              <a:spcBef>
                <a:spcPct val="0"/>
              </a:spcBef>
              <a:buFontTx/>
              <a:buNone/>
            </a:pPr>
            <a:endParaRPr lang="en-US" altLang="ja-JP" sz="2000">
              <a:latin typeface="Arial" panose="020B0604020202020204" pitchFamily="34" charset="0"/>
            </a:endParaRPr>
          </a:p>
          <a:p>
            <a:pPr>
              <a:spcBef>
                <a:spcPct val="0"/>
              </a:spcBef>
              <a:buFontTx/>
              <a:buNone/>
            </a:pPr>
            <a:r>
              <a:rPr lang="ja-JP" altLang="en-US" sz="2000">
                <a:latin typeface="Arial" panose="020B0604020202020204" pitchFamily="34" charset="0"/>
              </a:rPr>
              <a:t>写真は超音波板厚測定</a:t>
            </a:r>
          </a:p>
        </p:txBody>
      </p:sp>
      <p:sp>
        <p:nvSpPr>
          <p:cNvPr id="40971" name="テキスト ボックス 8">
            <a:extLst>
              <a:ext uri="{FF2B5EF4-FFF2-40B4-BE49-F238E27FC236}">
                <a16:creationId xmlns:a16="http://schemas.microsoft.com/office/drawing/2014/main" id="{DE97E318-6373-D478-B309-ACA30FA16A84}"/>
              </a:ext>
            </a:extLst>
          </p:cNvPr>
          <p:cNvSpPr txBox="1">
            <a:spLocks noChangeArrowheads="1"/>
          </p:cNvSpPr>
          <p:nvPr/>
        </p:nvSpPr>
        <p:spPr bwMode="auto">
          <a:xfrm>
            <a:off x="4170363" y="5075238"/>
            <a:ext cx="2889250" cy="1016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000">
                <a:latin typeface="Arial" panose="020B0604020202020204" pitchFamily="34" charset="0"/>
              </a:rPr>
              <a:t>解析技術を駆使した診断</a:t>
            </a:r>
            <a:endParaRPr lang="en-US" altLang="ja-JP" sz="2000">
              <a:latin typeface="Arial" panose="020B0604020202020204" pitchFamily="34" charset="0"/>
            </a:endParaRPr>
          </a:p>
          <a:p>
            <a:pPr>
              <a:spcBef>
                <a:spcPct val="0"/>
              </a:spcBef>
              <a:buFontTx/>
              <a:buNone/>
            </a:pPr>
            <a:endParaRPr lang="en-US" altLang="ja-JP" sz="2000">
              <a:latin typeface="Arial" panose="020B0604020202020204" pitchFamily="34" charset="0"/>
            </a:endParaRPr>
          </a:p>
          <a:p>
            <a:pPr>
              <a:spcBef>
                <a:spcPct val="0"/>
              </a:spcBef>
              <a:buFontTx/>
              <a:buNone/>
            </a:pPr>
            <a:r>
              <a:rPr lang="en-US" altLang="ja-JP" sz="2000">
                <a:latin typeface="Arial" panose="020B0604020202020204" pitchFamily="34" charset="0"/>
              </a:rPr>
              <a:t>3</a:t>
            </a:r>
            <a:r>
              <a:rPr lang="ja-JP" altLang="en-US" sz="2000">
                <a:latin typeface="Arial" panose="020B0604020202020204" pitchFamily="34" charset="0"/>
              </a:rPr>
              <a:t>次元</a:t>
            </a:r>
            <a:r>
              <a:rPr lang="en-US" altLang="ja-JP" sz="2000">
                <a:latin typeface="Arial" panose="020B0604020202020204" pitchFamily="34" charset="0"/>
              </a:rPr>
              <a:t>FEM</a:t>
            </a:r>
            <a:r>
              <a:rPr lang="ja-JP" altLang="en-US" sz="2000">
                <a:latin typeface="Arial" panose="020B0604020202020204" pitchFamily="34" charset="0"/>
              </a:rPr>
              <a:t>解析</a:t>
            </a:r>
          </a:p>
        </p:txBody>
      </p:sp>
    </p:spTree>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スライド番号プレースホルダー 1"/>
          <p:cNvSpPr>
            <a:spLocks noGrp="1"/>
          </p:cNvSpPr>
          <p:nvPr>
            <p:ph type="sldNum" sz="quarter" idx="12"/>
          </p:nvPr>
        </p:nvSpPr>
        <p:spPr>
          <a:xfrm>
            <a:off x="612648" y="6173470"/>
            <a:ext cx="1981200" cy="36576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eaLnBrk="1" hangingPunct="1">
              <a:spcBef>
                <a:spcPct val="0"/>
              </a:spcBef>
              <a:buFontTx/>
              <a:buNone/>
            </a:pPr>
            <a:r>
              <a:rPr lang="en-US" altLang="ja-JP" sz="1200">
                <a:solidFill>
                  <a:schemeClr val="bg1"/>
                </a:solidFill>
                <a:latin typeface="HGPｺﾞｼｯｸE" pitchFamily="50" charset="-128"/>
                <a:ea typeface="HGPｺﾞｼｯｸE" pitchFamily="50" charset="-128"/>
              </a:rPr>
              <a:t>-</a:t>
            </a:r>
            <a:fld id="{0625D179-7009-4241-86E7-8D78DED257DF}" type="slidenum">
              <a:rPr lang="en-US" altLang="ja-JP" sz="1200" smtClean="0">
                <a:solidFill>
                  <a:schemeClr val="bg1"/>
                </a:solidFill>
                <a:latin typeface="HGPｺﾞｼｯｸE" pitchFamily="50" charset="-128"/>
                <a:ea typeface="HGPｺﾞｼｯｸE" pitchFamily="50" charset="-128"/>
              </a:rPr>
              <a:pPr eaLnBrk="1" hangingPunct="1">
                <a:spcBef>
                  <a:spcPct val="0"/>
                </a:spcBef>
                <a:buFontTx/>
                <a:buNone/>
              </a:pPr>
              <a:t>34</a:t>
            </a:fld>
            <a:r>
              <a:rPr lang="en-US" altLang="ja-JP" sz="1200">
                <a:solidFill>
                  <a:schemeClr val="bg1"/>
                </a:solidFill>
                <a:latin typeface="HGPｺﾞｼｯｸE" pitchFamily="50" charset="-128"/>
                <a:ea typeface="HGPｺﾞｼｯｸE" pitchFamily="50" charset="-128"/>
              </a:rPr>
              <a:t>-</a:t>
            </a:r>
          </a:p>
        </p:txBody>
      </p:sp>
      <p:pic>
        <p:nvPicPr>
          <p:cNvPr id="32772" name="Picture 2" descr="\\toyama-city.local\17建設部\1730橋りょう保全\s2\計画係\研究協力\RAIMS\五福４号橋モニタリング\160330実地試験\IMG_1440.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036786" y="1044876"/>
            <a:ext cx="3331980" cy="2498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14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8402" y="1044877"/>
            <a:ext cx="3772664" cy="24983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テキスト ボックス 6">
            <a:extLst>
              <a:ext uri="{FF2B5EF4-FFF2-40B4-BE49-F238E27FC236}">
                <a16:creationId xmlns:a16="http://schemas.microsoft.com/office/drawing/2014/main" id="{A1002F52-764A-18CD-932B-D11F618FF1FA}"/>
              </a:ext>
            </a:extLst>
          </p:cNvPr>
          <p:cNvSpPr txBox="1"/>
          <p:nvPr/>
        </p:nvSpPr>
        <p:spPr>
          <a:xfrm>
            <a:off x="612648" y="151393"/>
            <a:ext cx="7729818" cy="800219"/>
          </a:xfrm>
          <a:prstGeom prst="rect">
            <a:avLst/>
          </a:prstGeom>
          <a:noFill/>
        </p:spPr>
        <p:txBody>
          <a:bodyPr wrap="square">
            <a:spAutoFit/>
          </a:bodyPr>
          <a:lstStyle/>
          <a:p>
            <a:r>
              <a:rPr kumimoji="1" lang="ja-JP" altLang="en-US" sz="2800" dirty="0"/>
              <a:t>モニタリング技術による監視</a:t>
            </a:r>
            <a:endParaRPr kumimoji="1" lang="en-US" altLang="ja-JP" sz="2800" dirty="0"/>
          </a:p>
          <a:p>
            <a:endParaRPr lang="en-US" altLang="ja-JP" sz="1800" dirty="0"/>
          </a:p>
        </p:txBody>
      </p:sp>
      <p:pic>
        <p:nvPicPr>
          <p:cNvPr id="89092" name="Picture 3" descr="D:\@@@@土研\業務フォルダ\RAIMS\04_WG2\@実験データ\写真\バックアップ\P5180120.JPG">
            <a:extLst>
              <a:ext uri="{FF2B5EF4-FFF2-40B4-BE49-F238E27FC236}">
                <a16:creationId xmlns:a16="http://schemas.microsoft.com/office/drawing/2014/main" id="{CE51131B-2D47-4192-A27B-E46CBA01ADB8}"/>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a:xfrm>
            <a:off x="278403" y="3968907"/>
            <a:ext cx="3772664" cy="2836247"/>
          </a:xfrm>
          <a:prstGeom prst="rect">
            <a:avLst/>
          </a:prstGeom>
          <a:noFill/>
        </p:spPr>
      </p:pic>
      <p:sp>
        <p:nvSpPr>
          <p:cNvPr id="2" name="テキスト ボックス 1">
            <a:extLst>
              <a:ext uri="{FF2B5EF4-FFF2-40B4-BE49-F238E27FC236}">
                <a16:creationId xmlns:a16="http://schemas.microsoft.com/office/drawing/2014/main" id="{6233E674-C89E-EA89-D6A1-9127E919325E}"/>
              </a:ext>
            </a:extLst>
          </p:cNvPr>
          <p:cNvSpPr txBox="1"/>
          <p:nvPr/>
        </p:nvSpPr>
        <p:spPr>
          <a:xfrm>
            <a:off x="4572000" y="4058798"/>
            <a:ext cx="4493538" cy="2677656"/>
          </a:xfrm>
          <a:prstGeom prst="rect">
            <a:avLst/>
          </a:prstGeom>
          <a:noFill/>
        </p:spPr>
        <p:txBody>
          <a:bodyPr wrap="none" rtlCol="0">
            <a:spAutoFit/>
          </a:bodyPr>
          <a:lstStyle/>
          <a:p>
            <a:r>
              <a:rPr kumimoji="1" lang="ja-JP" altLang="en-US" sz="2400" dirty="0"/>
              <a:t>現場実証載荷試験</a:t>
            </a:r>
            <a:endParaRPr kumimoji="1" lang="en-US" altLang="ja-JP" sz="2400" dirty="0"/>
          </a:p>
          <a:p>
            <a:endParaRPr kumimoji="1" lang="en-US" altLang="ja-JP" sz="2400" dirty="0"/>
          </a:p>
          <a:p>
            <a:r>
              <a:rPr kumimoji="1" lang="ja-JP" altLang="en-US" sz="2400" dirty="0"/>
              <a:t>モニタリング装置の確認</a:t>
            </a:r>
            <a:endParaRPr kumimoji="1" lang="en-US" altLang="ja-JP" sz="2400" dirty="0"/>
          </a:p>
          <a:p>
            <a:endParaRPr kumimoji="1" lang="en-US" altLang="ja-JP" sz="2400" dirty="0"/>
          </a:p>
          <a:p>
            <a:r>
              <a:rPr kumimoji="1" lang="ja-JP" altLang="en-US" sz="2400" dirty="0"/>
              <a:t>土木研究所での実桁の破壊試験</a:t>
            </a:r>
            <a:endParaRPr kumimoji="1" lang="en-US" altLang="ja-JP" sz="2400" dirty="0"/>
          </a:p>
          <a:p>
            <a:r>
              <a:rPr kumimoji="1" lang="ja-JP" altLang="en-US" sz="2400" dirty="0"/>
              <a:t>（９０年経過した</a:t>
            </a:r>
            <a:r>
              <a:rPr kumimoji="1" lang="en-US" altLang="ja-JP" sz="2400" dirty="0"/>
              <a:t>RC</a:t>
            </a:r>
            <a:r>
              <a:rPr kumimoji="1" lang="ja-JP" altLang="en-US" sz="2400" dirty="0"/>
              <a:t>桁）</a:t>
            </a:r>
            <a:endParaRPr kumimoji="1" lang="en-US" altLang="ja-JP" sz="2400" dirty="0"/>
          </a:p>
          <a:p>
            <a:r>
              <a:rPr kumimoji="1" lang="ja-JP" altLang="en-US" sz="2400" dirty="0"/>
              <a:t>破壊試験を職員に見せる。</a:t>
            </a:r>
          </a:p>
        </p:txBody>
      </p:sp>
      <p:sp>
        <p:nvSpPr>
          <p:cNvPr id="3" name="矢印: 下 2">
            <a:extLst>
              <a:ext uri="{FF2B5EF4-FFF2-40B4-BE49-F238E27FC236}">
                <a16:creationId xmlns:a16="http://schemas.microsoft.com/office/drawing/2014/main" id="{0A75EF6B-EE09-2C0D-A106-D8617632F42C}"/>
              </a:ext>
            </a:extLst>
          </p:cNvPr>
          <p:cNvSpPr/>
          <p:nvPr/>
        </p:nvSpPr>
        <p:spPr>
          <a:xfrm>
            <a:off x="5660572" y="4495800"/>
            <a:ext cx="484632" cy="381000"/>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矢印: 下 3">
            <a:extLst>
              <a:ext uri="{FF2B5EF4-FFF2-40B4-BE49-F238E27FC236}">
                <a16:creationId xmlns:a16="http://schemas.microsoft.com/office/drawing/2014/main" id="{6525AE69-7B3F-3112-6670-DD4F6788155A}"/>
              </a:ext>
            </a:extLst>
          </p:cNvPr>
          <p:cNvSpPr/>
          <p:nvPr/>
        </p:nvSpPr>
        <p:spPr>
          <a:xfrm>
            <a:off x="5720662" y="5196530"/>
            <a:ext cx="484632" cy="381000"/>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73293423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スライド番号プレースホルダー 1">
            <a:extLst>
              <a:ext uri="{FF2B5EF4-FFF2-40B4-BE49-F238E27FC236}">
                <a16:creationId xmlns:a16="http://schemas.microsoft.com/office/drawing/2014/main" id="{A97ECB73-1CBE-0F56-56EC-2841BB3B6B54}"/>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566E2682-0B3D-4B6D-A854-2FF48BF02134}" type="slidenum">
              <a:rPr lang="en-US" altLang="ja-JP" sz="1200" smtClean="0">
                <a:solidFill>
                  <a:srgbClr val="898989"/>
                </a:solidFill>
                <a:latin typeface="Arial" panose="020B0604020202020204" pitchFamily="34" charset="0"/>
              </a:rPr>
              <a:pPr>
                <a:spcBef>
                  <a:spcPct val="0"/>
                </a:spcBef>
                <a:buFontTx/>
                <a:buNone/>
              </a:pPr>
              <a:t>35</a:t>
            </a:fld>
            <a:endParaRPr lang="en-US" altLang="ja-JP" sz="1200">
              <a:solidFill>
                <a:srgbClr val="898989"/>
              </a:solidFill>
              <a:latin typeface="Arial" panose="020B0604020202020204" pitchFamily="34" charset="0"/>
            </a:endParaRPr>
          </a:p>
        </p:txBody>
      </p:sp>
      <p:pic>
        <p:nvPicPr>
          <p:cNvPr id="49155" name="図 3">
            <a:extLst>
              <a:ext uri="{FF2B5EF4-FFF2-40B4-BE49-F238E27FC236}">
                <a16:creationId xmlns:a16="http://schemas.microsoft.com/office/drawing/2014/main" id="{F2C6AF9C-BBCD-EA99-BB9C-91E31891D715}"/>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271462"/>
            <a:ext cx="9144000" cy="6315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テキスト ボックス 1">
            <a:extLst>
              <a:ext uri="{FF2B5EF4-FFF2-40B4-BE49-F238E27FC236}">
                <a16:creationId xmlns:a16="http://schemas.microsoft.com/office/drawing/2014/main" id="{C1334A58-EEE6-5D19-7289-764D25B64FC9}"/>
              </a:ext>
            </a:extLst>
          </p:cNvPr>
          <p:cNvSpPr txBox="1"/>
          <p:nvPr/>
        </p:nvSpPr>
        <p:spPr>
          <a:xfrm>
            <a:off x="169049" y="271462"/>
            <a:ext cx="6288901" cy="523220"/>
          </a:xfrm>
          <a:prstGeom prst="rect">
            <a:avLst/>
          </a:prstGeom>
          <a:noFill/>
        </p:spPr>
        <p:txBody>
          <a:bodyPr wrap="none" rtlCol="0">
            <a:spAutoFit/>
          </a:bodyPr>
          <a:lstStyle/>
          <a:p>
            <a:r>
              <a:rPr kumimoji="1" lang="ja-JP" altLang="en-US" sz="2800" b="1" dirty="0"/>
              <a:t>山間部橋梁へのモニタリング装置設置</a:t>
            </a:r>
          </a:p>
        </p:txBody>
      </p:sp>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a:extLst>
              <a:ext uri="{FF2B5EF4-FFF2-40B4-BE49-F238E27FC236}">
                <a16:creationId xmlns:a16="http://schemas.microsoft.com/office/drawing/2014/main" id="{0D15E348-911B-4FFE-95BC-FC8EAF7C3FD1}"/>
              </a:ext>
            </a:extLst>
          </p:cNvPr>
          <p:cNvGrpSpPr/>
          <p:nvPr/>
        </p:nvGrpSpPr>
        <p:grpSpPr>
          <a:xfrm>
            <a:off x="3494366" y="2464701"/>
            <a:ext cx="2018824" cy="1739743"/>
            <a:chOff x="0" y="0"/>
            <a:chExt cx="2692399" cy="2319866"/>
          </a:xfrm>
          <a:solidFill>
            <a:schemeClr val="bg1">
              <a:lumMod val="65000"/>
            </a:schemeClr>
          </a:solidFill>
        </p:grpSpPr>
        <p:sp>
          <p:nvSpPr>
            <p:cNvPr id="3" name="正方形/長方形 2">
              <a:extLst>
                <a:ext uri="{FF2B5EF4-FFF2-40B4-BE49-F238E27FC236}">
                  <a16:creationId xmlns:a16="http://schemas.microsoft.com/office/drawing/2014/main" id="{E9593CCB-6B7B-4C29-9B5F-4A9561041831}"/>
                </a:ext>
              </a:extLst>
            </p:cNvPr>
            <p:cNvSpPr/>
            <p:nvPr/>
          </p:nvSpPr>
          <p:spPr>
            <a:xfrm>
              <a:off x="0" y="787400"/>
              <a:ext cx="2684778" cy="211666"/>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4" name="台形 3">
              <a:extLst>
                <a:ext uri="{FF2B5EF4-FFF2-40B4-BE49-F238E27FC236}">
                  <a16:creationId xmlns:a16="http://schemas.microsoft.com/office/drawing/2014/main" id="{AD6CC02C-64FD-4F03-A4B3-BD7375C89E64}"/>
                </a:ext>
              </a:extLst>
            </p:cNvPr>
            <p:cNvSpPr/>
            <p:nvPr/>
          </p:nvSpPr>
          <p:spPr>
            <a:xfrm>
              <a:off x="101600" y="999066"/>
              <a:ext cx="2506133" cy="1320800"/>
            </a:xfrm>
            <a:prstGeom prst="trapezoid">
              <a:avLst>
                <a:gd name="adj" fmla="val 5769"/>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5" name="正方形/長方形 4">
              <a:extLst>
                <a:ext uri="{FF2B5EF4-FFF2-40B4-BE49-F238E27FC236}">
                  <a16:creationId xmlns:a16="http://schemas.microsoft.com/office/drawing/2014/main" id="{66E0264D-AA86-43B8-ADD7-E9FD07DADE7F}"/>
                </a:ext>
              </a:extLst>
            </p:cNvPr>
            <p:cNvSpPr/>
            <p:nvPr/>
          </p:nvSpPr>
          <p:spPr>
            <a:xfrm>
              <a:off x="245533" y="431800"/>
              <a:ext cx="135467" cy="313266"/>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6" name="正方形/長方形 5">
              <a:extLst>
                <a:ext uri="{FF2B5EF4-FFF2-40B4-BE49-F238E27FC236}">
                  <a16:creationId xmlns:a16="http://schemas.microsoft.com/office/drawing/2014/main" id="{DBFC9C6E-BD25-48F3-84C4-CCAAC6D3E0AE}"/>
                </a:ext>
              </a:extLst>
            </p:cNvPr>
            <p:cNvSpPr/>
            <p:nvPr/>
          </p:nvSpPr>
          <p:spPr>
            <a:xfrm>
              <a:off x="787400" y="431800"/>
              <a:ext cx="135467" cy="313266"/>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7" name="正方形/長方形 6">
              <a:extLst>
                <a:ext uri="{FF2B5EF4-FFF2-40B4-BE49-F238E27FC236}">
                  <a16:creationId xmlns:a16="http://schemas.microsoft.com/office/drawing/2014/main" id="{DEACA7E9-E34B-44B8-8539-04E5CC4FF5A5}"/>
                </a:ext>
              </a:extLst>
            </p:cNvPr>
            <p:cNvSpPr/>
            <p:nvPr/>
          </p:nvSpPr>
          <p:spPr>
            <a:xfrm>
              <a:off x="1312333" y="423333"/>
              <a:ext cx="135255" cy="313055"/>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8" name="正方形/長方形 7">
              <a:extLst>
                <a:ext uri="{FF2B5EF4-FFF2-40B4-BE49-F238E27FC236}">
                  <a16:creationId xmlns:a16="http://schemas.microsoft.com/office/drawing/2014/main" id="{3893FF06-6102-47D1-BA57-DBD7D29432C3}"/>
                </a:ext>
              </a:extLst>
            </p:cNvPr>
            <p:cNvSpPr/>
            <p:nvPr/>
          </p:nvSpPr>
          <p:spPr>
            <a:xfrm>
              <a:off x="1820333" y="431800"/>
              <a:ext cx="135255" cy="313055"/>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9" name="正方形/長方形 8">
              <a:extLst>
                <a:ext uri="{FF2B5EF4-FFF2-40B4-BE49-F238E27FC236}">
                  <a16:creationId xmlns:a16="http://schemas.microsoft.com/office/drawing/2014/main" id="{7388B294-A7E7-431D-8535-C91C20DD2721}"/>
                </a:ext>
              </a:extLst>
            </p:cNvPr>
            <p:cNvSpPr/>
            <p:nvPr/>
          </p:nvSpPr>
          <p:spPr>
            <a:xfrm>
              <a:off x="2404533" y="423333"/>
              <a:ext cx="135467" cy="313266"/>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0" name="正方形/長方形 9">
              <a:extLst>
                <a:ext uri="{FF2B5EF4-FFF2-40B4-BE49-F238E27FC236}">
                  <a16:creationId xmlns:a16="http://schemas.microsoft.com/office/drawing/2014/main" id="{23EB4D02-1394-4F5A-9E23-2C6510FAC102}"/>
                </a:ext>
              </a:extLst>
            </p:cNvPr>
            <p:cNvSpPr/>
            <p:nvPr/>
          </p:nvSpPr>
          <p:spPr>
            <a:xfrm>
              <a:off x="25400" y="338666"/>
              <a:ext cx="2658322" cy="93133"/>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1" name="正方形/長方形 10">
              <a:extLst>
                <a:ext uri="{FF2B5EF4-FFF2-40B4-BE49-F238E27FC236}">
                  <a16:creationId xmlns:a16="http://schemas.microsoft.com/office/drawing/2014/main" id="{8976A085-9108-4E24-9550-431ADADE8CB2}"/>
                </a:ext>
              </a:extLst>
            </p:cNvPr>
            <p:cNvSpPr/>
            <p:nvPr/>
          </p:nvSpPr>
          <p:spPr>
            <a:xfrm flipH="1">
              <a:off x="25400" y="245533"/>
              <a:ext cx="118533" cy="92922"/>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2" name="正方形/長方形 11">
              <a:extLst>
                <a:ext uri="{FF2B5EF4-FFF2-40B4-BE49-F238E27FC236}">
                  <a16:creationId xmlns:a16="http://schemas.microsoft.com/office/drawing/2014/main" id="{6F2C0411-963C-4462-9D35-AEDBE98CAF0D}"/>
                </a:ext>
              </a:extLst>
            </p:cNvPr>
            <p:cNvSpPr/>
            <p:nvPr/>
          </p:nvSpPr>
          <p:spPr>
            <a:xfrm flipH="1">
              <a:off x="2573866" y="245533"/>
              <a:ext cx="118533" cy="92922"/>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3" name="正方形/長方形 12">
              <a:extLst>
                <a:ext uri="{FF2B5EF4-FFF2-40B4-BE49-F238E27FC236}">
                  <a16:creationId xmlns:a16="http://schemas.microsoft.com/office/drawing/2014/main" id="{FF821336-D676-450A-A975-EFC94547C213}"/>
                </a:ext>
              </a:extLst>
            </p:cNvPr>
            <p:cNvSpPr/>
            <p:nvPr/>
          </p:nvSpPr>
          <p:spPr>
            <a:xfrm flipH="1">
              <a:off x="2607733" y="0"/>
              <a:ext cx="50800" cy="245110"/>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4" name="正方形/長方形 13">
              <a:extLst>
                <a:ext uri="{FF2B5EF4-FFF2-40B4-BE49-F238E27FC236}">
                  <a16:creationId xmlns:a16="http://schemas.microsoft.com/office/drawing/2014/main" id="{546F71AC-A7A9-4811-98FA-CBF641405A04}"/>
                </a:ext>
              </a:extLst>
            </p:cNvPr>
            <p:cNvSpPr/>
            <p:nvPr/>
          </p:nvSpPr>
          <p:spPr>
            <a:xfrm flipH="1">
              <a:off x="59266" y="0"/>
              <a:ext cx="50800" cy="245110"/>
            </a:xfrm>
            <a:prstGeom prst="rect">
              <a:avLst/>
            </a:prstGeom>
            <a:grpFill/>
            <a:ln w="25400"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5" name="フリーフォーム 14">
              <a:extLst>
                <a:ext uri="{FF2B5EF4-FFF2-40B4-BE49-F238E27FC236}">
                  <a16:creationId xmlns:a16="http://schemas.microsoft.com/office/drawing/2014/main" id="{48432204-48EF-4FE8-8398-8B8BE48E5D85}"/>
                </a:ext>
              </a:extLst>
            </p:cNvPr>
            <p:cNvSpPr/>
            <p:nvPr/>
          </p:nvSpPr>
          <p:spPr>
            <a:xfrm>
              <a:off x="84666" y="787400"/>
              <a:ext cx="58420" cy="228600"/>
            </a:xfrm>
            <a:custGeom>
              <a:avLst/>
              <a:gdLst>
                <a:gd name="connsiteX0" fmla="*/ 19053 w 19053"/>
                <a:gd name="connsiteY0" fmla="*/ 0 h 203200"/>
                <a:gd name="connsiteX1" fmla="*/ 2119 w 19053"/>
                <a:gd name="connsiteY1" fmla="*/ 203200 h 203200"/>
              </a:gdLst>
              <a:ahLst/>
              <a:cxnLst>
                <a:cxn ang="0">
                  <a:pos x="connsiteX0" y="connsiteY0"/>
                </a:cxn>
                <a:cxn ang="0">
                  <a:pos x="connsiteX1" y="connsiteY1"/>
                </a:cxn>
              </a:cxnLst>
              <a:rect l="l" t="t" r="r" b="b"/>
              <a:pathLst>
                <a:path w="19053" h="203200">
                  <a:moveTo>
                    <a:pt x="19053" y="0"/>
                  </a:moveTo>
                  <a:cubicBezTo>
                    <a:pt x="-8833" y="111540"/>
                    <a:pt x="2119" y="44460"/>
                    <a:pt x="2119" y="203200"/>
                  </a:cubicBezTo>
                </a:path>
              </a:pathLst>
            </a:custGeom>
            <a:grpFill/>
            <a:ln w="9525" cap="flat" cmpd="sng" algn="ctr">
              <a:solidFill>
                <a:sysClr val="windowText" lastClr="000000">
                  <a:lumMod val="50000"/>
                  <a:lumOff val="50000"/>
                </a:sysClr>
              </a:solidFill>
              <a:prstDash val="solid"/>
            </a:ln>
            <a:effectLst/>
          </p:spPr>
          <p:txBody>
            <a:bodyPr anchor="ctr"/>
            <a:lstStyle/>
            <a:p>
              <a:pPr>
                <a:defRPr/>
              </a:pPr>
              <a:endParaRPr lang="ja-JP" altLang="en-US" sz="1350"/>
            </a:p>
          </p:txBody>
        </p:sp>
        <p:sp>
          <p:nvSpPr>
            <p:cNvPr id="16" name="フリーフォーム 15">
              <a:extLst>
                <a:ext uri="{FF2B5EF4-FFF2-40B4-BE49-F238E27FC236}">
                  <a16:creationId xmlns:a16="http://schemas.microsoft.com/office/drawing/2014/main" id="{D9A4DEE0-16CC-48FD-B48E-49F9E946A531}"/>
                </a:ext>
              </a:extLst>
            </p:cNvPr>
            <p:cNvSpPr/>
            <p:nvPr/>
          </p:nvSpPr>
          <p:spPr>
            <a:xfrm>
              <a:off x="524933" y="787400"/>
              <a:ext cx="127000" cy="203200"/>
            </a:xfrm>
            <a:custGeom>
              <a:avLst/>
              <a:gdLst>
                <a:gd name="connsiteX0" fmla="*/ 0 w 127000"/>
                <a:gd name="connsiteY0" fmla="*/ 0 h 177995"/>
                <a:gd name="connsiteX1" fmla="*/ 25400 w 127000"/>
                <a:gd name="connsiteY1" fmla="*/ 42333 h 177995"/>
                <a:gd name="connsiteX2" fmla="*/ 50800 w 127000"/>
                <a:gd name="connsiteY2" fmla="*/ 59266 h 177995"/>
                <a:gd name="connsiteX3" fmla="*/ 67733 w 127000"/>
                <a:gd name="connsiteY3" fmla="*/ 84666 h 177995"/>
                <a:gd name="connsiteX4" fmla="*/ 76200 w 127000"/>
                <a:gd name="connsiteY4" fmla="*/ 127000 h 177995"/>
                <a:gd name="connsiteX5" fmla="*/ 101600 w 127000"/>
                <a:gd name="connsiteY5" fmla="*/ 135466 h 177995"/>
                <a:gd name="connsiteX6" fmla="*/ 127000 w 127000"/>
                <a:gd name="connsiteY6" fmla="*/ 177800 h 1779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7000" h="177995">
                  <a:moveTo>
                    <a:pt x="0" y="0"/>
                  </a:moveTo>
                  <a:cubicBezTo>
                    <a:pt x="8467" y="14111"/>
                    <a:pt x="14690" y="29839"/>
                    <a:pt x="25400" y="42333"/>
                  </a:cubicBezTo>
                  <a:cubicBezTo>
                    <a:pt x="32022" y="50059"/>
                    <a:pt x="43605" y="52071"/>
                    <a:pt x="50800" y="59266"/>
                  </a:cubicBezTo>
                  <a:cubicBezTo>
                    <a:pt x="57995" y="66461"/>
                    <a:pt x="62089" y="76199"/>
                    <a:pt x="67733" y="84666"/>
                  </a:cubicBezTo>
                  <a:cubicBezTo>
                    <a:pt x="70555" y="98777"/>
                    <a:pt x="68217" y="115026"/>
                    <a:pt x="76200" y="127000"/>
                  </a:cubicBezTo>
                  <a:cubicBezTo>
                    <a:pt x="81151" y="134426"/>
                    <a:pt x="96649" y="128040"/>
                    <a:pt x="101600" y="135466"/>
                  </a:cubicBezTo>
                  <a:cubicBezTo>
                    <a:pt x="133513" y="183335"/>
                    <a:pt x="86915" y="177800"/>
                    <a:pt x="127000" y="177800"/>
                  </a:cubicBezTo>
                </a:path>
              </a:pathLst>
            </a:custGeom>
            <a:grpFill/>
            <a:ln w="9525" cap="flat" cmpd="sng" algn="ctr">
              <a:solidFill>
                <a:sysClr val="windowText" lastClr="000000">
                  <a:lumMod val="50000"/>
                  <a:lumOff val="50000"/>
                </a:sysClr>
              </a:solidFill>
              <a:prstDash val="solid"/>
            </a:ln>
            <a:effectLst/>
          </p:spPr>
          <p:txBody>
            <a:bodyPr anchor="ctr"/>
            <a:lstStyle/>
            <a:p>
              <a:pPr>
                <a:defRPr/>
              </a:pPr>
              <a:endParaRPr lang="ja-JP" altLang="en-US" sz="1350"/>
            </a:p>
          </p:txBody>
        </p:sp>
      </p:grpSp>
      <p:pic>
        <p:nvPicPr>
          <p:cNvPr id="88067" name="図 16">
            <a:extLst>
              <a:ext uri="{FF2B5EF4-FFF2-40B4-BE49-F238E27FC236}">
                <a16:creationId xmlns:a16="http://schemas.microsoft.com/office/drawing/2014/main" id="{2DA24636-41FF-4002-8FB2-C7023DDBA8D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t="27979"/>
          <a:stretch>
            <a:fillRect/>
          </a:stretch>
        </p:blipFill>
        <p:spPr bwMode="auto">
          <a:xfrm>
            <a:off x="3283745" y="1808560"/>
            <a:ext cx="469106" cy="4464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88068" name="グループ化 17">
            <a:extLst>
              <a:ext uri="{FF2B5EF4-FFF2-40B4-BE49-F238E27FC236}">
                <a16:creationId xmlns:a16="http://schemas.microsoft.com/office/drawing/2014/main" id="{58993584-2C79-4089-9D12-8DEB819D6560}"/>
              </a:ext>
            </a:extLst>
          </p:cNvPr>
          <p:cNvGrpSpPr>
            <a:grpSpLocks/>
          </p:cNvGrpSpPr>
          <p:nvPr/>
        </p:nvGrpSpPr>
        <p:grpSpPr bwMode="auto">
          <a:xfrm>
            <a:off x="3450431" y="2255044"/>
            <a:ext cx="223838" cy="823913"/>
            <a:chOff x="0" y="0"/>
            <a:chExt cx="297815" cy="1098550"/>
          </a:xfrm>
        </p:grpSpPr>
        <p:sp>
          <p:nvSpPr>
            <p:cNvPr id="88084" name="正方形/長方形 18">
              <a:extLst>
                <a:ext uri="{FF2B5EF4-FFF2-40B4-BE49-F238E27FC236}">
                  <a16:creationId xmlns:a16="http://schemas.microsoft.com/office/drawing/2014/main" id="{5891D2D6-BA31-4415-B02B-6775B93ECEA7}"/>
                </a:ext>
              </a:extLst>
            </p:cNvPr>
            <p:cNvSpPr>
              <a:spLocks noChangeArrowheads="1"/>
            </p:cNvSpPr>
            <p:nvPr/>
          </p:nvSpPr>
          <p:spPr bwMode="auto">
            <a:xfrm flipH="1" flipV="1">
              <a:off x="146050" y="1047750"/>
              <a:ext cx="151765" cy="50800"/>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lang="ja-JP" altLang="en-US">
                <a:latin typeface="Arial" panose="020B0604020202020204" pitchFamily="34" charset="0"/>
              </a:endParaRPr>
            </a:p>
          </p:txBody>
        </p:sp>
        <p:sp>
          <p:nvSpPr>
            <p:cNvPr id="88085" name="正方形/長方形 19">
              <a:extLst>
                <a:ext uri="{FF2B5EF4-FFF2-40B4-BE49-F238E27FC236}">
                  <a16:creationId xmlns:a16="http://schemas.microsoft.com/office/drawing/2014/main" id="{85EA8C5B-73A4-41CC-8AF5-0DBFF208C244}"/>
                </a:ext>
              </a:extLst>
            </p:cNvPr>
            <p:cNvSpPr>
              <a:spLocks noChangeArrowheads="1"/>
            </p:cNvSpPr>
            <p:nvPr/>
          </p:nvSpPr>
          <p:spPr bwMode="auto">
            <a:xfrm>
              <a:off x="0" y="0"/>
              <a:ext cx="45085" cy="558165"/>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lang="ja-JP" altLang="en-US">
                <a:latin typeface="Arial" panose="020B0604020202020204" pitchFamily="34" charset="0"/>
              </a:endParaRPr>
            </a:p>
          </p:txBody>
        </p:sp>
        <p:sp>
          <p:nvSpPr>
            <p:cNvPr id="88086" name="正方形/長方形 20">
              <a:extLst>
                <a:ext uri="{FF2B5EF4-FFF2-40B4-BE49-F238E27FC236}">
                  <a16:creationId xmlns:a16="http://schemas.microsoft.com/office/drawing/2014/main" id="{F23766F0-DC0F-4475-886F-573B3BDCEC26}"/>
                </a:ext>
              </a:extLst>
            </p:cNvPr>
            <p:cNvSpPr>
              <a:spLocks noChangeArrowheads="1"/>
            </p:cNvSpPr>
            <p:nvPr/>
          </p:nvSpPr>
          <p:spPr bwMode="auto">
            <a:xfrm rot="-5400000">
              <a:off x="95250" y="425450"/>
              <a:ext cx="45085" cy="212725"/>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lang="ja-JP" altLang="en-US">
                <a:latin typeface="Arial" panose="020B0604020202020204" pitchFamily="34" charset="0"/>
              </a:endParaRPr>
            </a:p>
          </p:txBody>
        </p:sp>
        <p:sp>
          <p:nvSpPr>
            <p:cNvPr id="88087" name="正方形/長方形 21">
              <a:extLst>
                <a:ext uri="{FF2B5EF4-FFF2-40B4-BE49-F238E27FC236}">
                  <a16:creationId xmlns:a16="http://schemas.microsoft.com/office/drawing/2014/main" id="{7093BC4C-6E9D-412C-A008-1205847FA0F4}"/>
                </a:ext>
              </a:extLst>
            </p:cNvPr>
            <p:cNvSpPr>
              <a:spLocks noChangeArrowheads="1"/>
            </p:cNvSpPr>
            <p:nvPr/>
          </p:nvSpPr>
          <p:spPr bwMode="auto">
            <a:xfrm rot="-5400000">
              <a:off x="95250" y="304800"/>
              <a:ext cx="45719" cy="212759"/>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lang="ja-JP" altLang="en-US">
                <a:latin typeface="Arial" panose="020B0604020202020204" pitchFamily="34" charset="0"/>
              </a:endParaRPr>
            </a:p>
          </p:txBody>
        </p:sp>
      </p:grpSp>
      <p:pic>
        <p:nvPicPr>
          <p:cNvPr id="88069" name="Picture 2">
            <a:extLst>
              <a:ext uri="{FF2B5EF4-FFF2-40B4-BE49-F238E27FC236}">
                <a16:creationId xmlns:a16="http://schemas.microsoft.com/office/drawing/2014/main" id="{AAE560AD-9B20-4944-A6E1-70D1C38F442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16819" y="1410891"/>
            <a:ext cx="1933575" cy="19335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8070" name="テキスト ボックス 25">
            <a:extLst>
              <a:ext uri="{FF2B5EF4-FFF2-40B4-BE49-F238E27FC236}">
                <a16:creationId xmlns:a16="http://schemas.microsoft.com/office/drawing/2014/main" id="{2E5D7F80-E348-421E-B0C9-D13435DC1C24}"/>
              </a:ext>
            </a:extLst>
          </p:cNvPr>
          <p:cNvSpPr txBox="1">
            <a:spLocks noChangeArrowheads="1"/>
          </p:cNvSpPr>
          <p:nvPr/>
        </p:nvSpPr>
        <p:spPr bwMode="auto">
          <a:xfrm>
            <a:off x="1629282" y="960041"/>
            <a:ext cx="5955476"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sz="3000" dirty="0">
                <a:latin typeface="Arial" panose="020B0604020202020204" pitchFamily="34" charset="0"/>
              </a:rPr>
              <a:t>モニタリングシステムによる監視</a:t>
            </a:r>
          </a:p>
        </p:txBody>
      </p:sp>
      <p:sp>
        <p:nvSpPr>
          <p:cNvPr id="27" name="四角形吹き出し 26">
            <a:extLst>
              <a:ext uri="{FF2B5EF4-FFF2-40B4-BE49-F238E27FC236}">
                <a16:creationId xmlns:a16="http://schemas.microsoft.com/office/drawing/2014/main" id="{B4628F62-211F-49FD-A65B-9685294602B5}"/>
              </a:ext>
            </a:extLst>
          </p:cNvPr>
          <p:cNvSpPr/>
          <p:nvPr/>
        </p:nvSpPr>
        <p:spPr>
          <a:xfrm>
            <a:off x="4061222" y="1494235"/>
            <a:ext cx="1051322" cy="538163"/>
          </a:xfrm>
          <a:prstGeom prst="wedgeRectCallout">
            <a:avLst>
              <a:gd name="adj1" fmla="val -124447"/>
              <a:gd name="adj2" fmla="val 71491"/>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88072" name="テキスト ボックス 27">
            <a:extLst>
              <a:ext uri="{FF2B5EF4-FFF2-40B4-BE49-F238E27FC236}">
                <a16:creationId xmlns:a16="http://schemas.microsoft.com/office/drawing/2014/main" id="{802F3513-83A1-4CBC-8ED7-52BBB18450D9}"/>
              </a:ext>
            </a:extLst>
          </p:cNvPr>
          <p:cNvSpPr txBox="1">
            <a:spLocks noChangeArrowheads="1"/>
          </p:cNvSpPr>
          <p:nvPr/>
        </p:nvSpPr>
        <p:spPr bwMode="auto">
          <a:xfrm>
            <a:off x="4108849" y="1481139"/>
            <a:ext cx="646331"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b="1">
                <a:latin typeface="Arial" panose="020B0604020202020204" pitchFamily="34" charset="0"/>
              </a:rPr>
              <a:t>ｿｰﾗｰ</a:t>
            </a:r>
            <a:endParaRPr lang="en-US" altLang="ja-JP" b="1">
              <a:latin typeface="Arial" panose="020B0604020202020204" pitchFamily="34" charset="0"/>
            </a:endParaRPr>
          </a:p>
          <a:p>
            <a:pPr eaLnBrk="1" hangingPunct="1"/>
            <a:r>
              <a:rPr lang="ja-JP" altLang="en-US" b="1">
                <a:latin typeface="Arial" panose="020B0604020202020204" pitchFamily="34" charset="0"/>
              </a:rPr>
              <a:t>ﾊﾟﾈﾙ</a:t>
            </a:r>
          </a:p>
        </p:txBody>
      </p:sp>
      <p:sp>
        <p:nvSpPr>
          <p:cNvPr id="29" name="四角形吹き出し 28">
            <a:extLst>
              <a:ext uri="{FF2B5EF4-FFF2-40B4-BE49-F238E27FC236}">
                <a16:creationId xmlns:a16="http://schemas.microsoft.com/office/drawing/2014/main" id="{205EB7C3-2801-4EDF-AC0D-E4AB9109CBC9}"/>
              </a:ext>
            </a:extLst>
          </p:cNvPr>
          <p:cNvSpPr/>
          <p:nvPr/>
        </p:nvSpPr>
        <p:spPr>
          <a:xfrm>
            <a:off x="4044555" y="2169319"/>
            <a:ext cx="1121569" cy="386954"/>
          </a:xfrm>
          <a:prstGeom prst="wedgeRectCallout">
            <a:avLst>
              <a:gd name="adj1" fmla="val -95347"/>
              <a:gd name="adj2" fmla="val -38974"/>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88074" name="テキスト ボックス 29">
            <a:extLst>
              <a:ext uri="{FF2B5EF4-FFF2-40B4-BE49-F238E27FC236}">
                <a16:creationId xmlns:a16="http://schemas.microsoft.com/office/drawing/2014/main" id="{EBFE816D-33E8-4C03-9805-451A11D1D621}"/>
              </a:ext>
            </a:extLst>
          </p:cNvPr>
          <p:cNvSpPr txBox="1">
            <a:spLocks noChangeArrowheads="1"/>
          </p:cNvSpPr>
          <p:nvPr/>
        </p:nvSpPr>
        <p:spPr bwMode="auto">
          <a:xfrm>
            <a:off x="4086225" y="2187179"/>
            <a:ext cx="13382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b="1">
                <a:latin typeface="Arial" panose="020B0604020202020204" pitchFamily="34" charset="0"/>
              </a:rPr>
              <a:t>通信装置</a:t>
            </a:r>
          </a:p>
        </p:txBody>
      </p:sp>
      <p:sp>
        <p:nvSpPr>
          <p:cNvPr id="31" name="四角形吹き出し 30">
            <a:extLst>
              <a:ext uri="{FF2B5EF4-FFF2-40B4-BE49-F238E27FC236}">
                <a16:creationId xmlns:a16="http://schemas.microsoft.com/office/drawing/2014/main" id="{4A81ECCA-21FA-4A5E-BF53-A2BB61E18885}"/>
              </a:ext>
            </a:extLst>
          </p:cNvPr>
          <p:cNvSpPr/>
          <p:nvPr/>
        </p:nvSpPr>
        <p:spPr>
          <a:xfrm>
            <a:off x="2041922" y="3451623"/>
            <a:ext cx="1518047" cy="463153"/>
          </a:xfrm>
          <a:prstGeom prst="wedgeRectCallout">
            <a:avLst>
              <a:gd name="adj1" fmla="val 74377"/>
              <a:gd name="adj2" fmla="val -176484"/>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88076" name="テキスト ボックス 31">
            <a:extLst>
              <a:ext uri="{FF2B5EF4-FFF2-40B4-BE49-F238E27FC236}">
                <a16:creationId xmlns:a16="http://schemas.microsoft.com/office/drawing/2014/main" id="{9DBC825B-C9AD-47FC-B44A-8A3FFAACB3CD}"/>
              </a:ext>
            </a:extLst>
          </p:cNvPr>
          <p:cNvSpPr txBox="1">
            <a:spLocks noChangeArrowheads="1"/>
          </p:cNvSpPr>
          <p:nvPr/>
        </p:nvSpPr>
        <p:spPr bwMode="auto">
          <a:xfrm>
            <a:off x="2087167" y="3468292"/>
            <a:ext cx="145424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lang="ja-JP" altLang="en-US" b="1">
                <a:latin typeface="Arial" panose="020B0604020202020204" pitchFamily="34" charset="0"/>
              </a:rPr>
              <a:t>直線変位ｾﾝｻ</a:t>
            </a:r>
          </a:p>
        </p:txBody>
      </p:sp>
      <p:pic>
        <p:nvPicPr>
          <p:cNvPr id="88077" name="Picture 2">
            <a:extLst>
              <a:ext uri="{FF2B5EF4-FFF2-40B4-BE49-F238E27FC236}">
                <a16:creationId xmlns:a16="http://schemas.microsoft.com/office/drawing/2014/main" id="{1704CE8F-4063-4901-8762-A12F79421DB2}"/>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716191" y="4287441"/>
            <a:ext cx="2284809" cy="17133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34" name="グラフ 33">
            <a:extLst>
              <a:ext uri="{FF2B5EF4-FFF2-40B4-BE49-F238E27FC236}">
                <a16:creationId xmlns:a16="http://schemas.microsoft.com/office/drawing/2014/main" id="{F407DED4-94F6-41A3-A2E4-D10DEC9097A0}"/>
              </a:ext>
            </a:extLst>
          </p:cNvPr>
          <p:cNvGraphicFramePr>
            <a:graphicFrameLocks/>
          </p:cNvGraphicFramePr>
          <p:nvPr/>
        </p:nvGraphicFramePr>
        <p:xfrm>
          <a:off x="1216868" y="4334265"/>
          <a:ext cx="2849904" cy="1651363"/>
        </p:xfrm>
        <a:graphic>
          <a:graphicData uri="http://schemas.openxmlformats.org/drawingml/2006/chart">
            <c:chart xmlns:c="http://schemas.openxmlformats.org/drawingml/2006/chart" xmlns:r="http://schemas.openxmlformats.org/officeDocument/2006/relationships" r:id="rId5"/>
          </a:graphicData>
        </a:graphic>
      </p:graphicFrame>
      <p:pic>
        <p:nvPicPr>
          <p:cNvPr id="88079" name="Picture 2">
            <a:extLst>
              <a:ext uri="{FF2B5EF4-FFF2-40B4-BE49-F238E27FC236}">
                <a16:creationId xmlns:a16="http://schemas.microsoft.com/office/drawing/2014/main" id="{2DF4CDE0-E6CB-4D8A-8444-394F206B2040}"/>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716191" y="1410891"/>
            <a:ext cx="2284809" cy="15132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6" name="円/楕円 35">
            <a:extLst>
              <a:ext uri="{FF2B5EF4-FFF2-40B4-BE49-F238E27FC236}">
                <a16:creationId xmlns:a16="http://schemas.microsoft.com/office/drawing/2014/main" id="{18B4FE06-27AB-47D0-A924-D8B830372EBB}"/>
              </a:ext>
            </a:extLst>
          </p:cNvPr>
          <p:cNvSpPr/>
          <p:nvPr/>
        </p:nvSpPr>
        <p:spPr>
          <a:xfrm>
            <a:off x="3348039" y="2976563"/>
            <a:ext cx="864394" cy="342900"/>
          </a:xfrm>
          <a:prstGeom prst="ellipse">
            <a:avLst/>
          </a:prstGeom>
          <a:noFill/>
          <a:ln w="57150">
            <a:solidFill>
              <a:srgbClr val="FF33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38" name="円/楕円 37">
            <a:extLst>
              <a:ext uri="{FF2B5EF4-FFF2-40B4-BE49-F238E27FC236}">
                <a16:creationId xmlns:a16="http://schemas.microsoft.com/office/drawing/2014/main" id="{6FF7A7DB-B845-47A0-9AEC-A69EAD018FA5}"/>
              </a:ext>
            </a:extLst>
          </p:cNvPr>
          <p:cNvSpPr/>
          <p:nvPr/>
        </p:nvSpPr>
        <p:spPr>
          <a:xfrm>
            <a:off x="6504386" y="1928814"/>
            <a:ext cx="1025128" cy="617935"/>
          </a:xfrm>
          <a:prstGeom prst="ellipse">
            <a:avLst/>
          </a:prstGeom>
          <a:noFill/>
          <a:ln w="57150">
            <a:solidFill>
              <a:srgbClr val="FF33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39" name="円/楕円 38">
            <a:extLst>
              <a:ext uri="{FF2B5EF4-FFF2-40B4-BE49-F238E27FC236}">
                <a16:creationId xmlns:a16="http://schemas.microsoft.com/office/drawing/2014/main" id="{45733AEB-B9DB-42E8-8FC2-9E71B311D231}"/>
              </a:ext>
            </a:extLst>
          </p:cNvPr>
          <p:cNvSpPr/>
          <p:nvPr/>
        </p:nvSpPr>
        <p:spPr>
          <a:xfrm>
            <a:off x="5922170" y="4204098"/>
            <a:ext cx="1241822" cy="1188244"/>
          </a:xfrm>
          <a:prstGeom prst="ellipse">
            <a:avLst/>
          </a:prstGeom>
          <a:noFill/>
          <a:ln w="57150">
            <a:solidFill>
              <a:srgbClr val="FF33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350"/>
          </a:p>
        </p:txBody>
      </p:sp>
      <p:sp>
        <p:nvSpPr>
          <p:cNvPr id="88083" name="テキスト ボックス 16">
            <a:extLst>
              <a:ext uri="{FF2B5EF4-FFF2-40B4-BE49-F238E27FC236}">
                <a16:creationId xmlns:a16="http://schemas.microsoft.com/office/drawing/2014/main" id="{C85D83AC-E1E8-48BC-9616-30271B8D4F01}"/>
              </a:ext>
            </a:extLst>
          </p:cNvPr>
          <p:cNvSpPr txBox="1">
            <a:spLocks noChangeArrowheads="1"/>
          </p:cNvSpPr>
          <p:nvPr/>
        </p:nvSpPr>
        <p:spPr bwMode="auto">
          <a:xfrm>
            <a:off x="5672138" y="3148013"/>
            <a:ext cx="2339102"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lang="ja-JP" altLang="en-US" sz="2100">
                <a:solidFill>
                  <a:srgbClr val="FF0000"/>
                </a:solidFill>
              </a:rPr>
              <a:t>目的を明確にした</a:t>
            </a:r>
            <a:endParaRPr lang="en-US" altLang="ja-JP" sz="2100">
              <a:solidFill>
                <a:srgbClr val="FF0000"/>
              </a:solidFill>
            </a:endParaRPr>
          </a:p>
          <a:p>
            <a:r>
              <a:rPr lang="ja-JP" altLang="en-US" sz="2100">
                <a:solidFill>
                  <a:srgbClr val="FF0000"/>
                </a:solidFill>
              </a:rPr>
              <a:t>安価なシステム</a:t>
            </a:r>
          </a:p>
        </p:txBody>
      </p:sp>
    </p:spTree>
    <p:extLst>
      <p:ext uri="{BB962C8B-B14F-4D97-AF65-F5344CB8AC3E}">
        <p14:creationId xmlns:p14="http://schemas.microsoft.com/office/powerpoint/2010/main" val="111035789"/>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ACD4CCAC-F535-373A-6CAD-74E6F3BC0A5C}"/>
              </a:ext>
            </a:extLst>
          </p:cNvPr>
          <p:cNvPicPr>
            <a:picLocks noChangeAspect="1"/>
          </p:cNvPicPr>
          <p:nvPr/>
        </p:nvPicPr>
        <p:blipFill>
          <a:blip r:embed="rId2"/>
          <a:stretch>
            <a:fillRect/>
          </a:stretch>
        </p:blipFill>
        <p:spPr>
          <a:xfrm>
            <a:off x="147484" y="1023169"/>
            <a:ext cx="6858000" cy="5143500"/>
          </a:xfrm>
          <a:prstGeom prst="rect">
            <a:avLst/>
          </a:prstGeom>
        </p:spPr>
      </p:pic>
      <p:sp>
        <p:nvSpPr>
          <p:cNvPr id="3" name="テキスト ボックス 2">
            <a:extLst>
              <a:ext uri="{FF2B5EF4-FFF2-40B4-BE49-F238E27FC236}">
                <a16:creationId xmlns:a16="http://schemas.microsoft.com/office/drawing/2014/main" id="{FBE73FDB-BE59-3C20-C3E6-497C3F51CB57}"/>
              </a:ext>
            </a:extLst>
          </p:cNvPr>
          <p:cNvSpPr txBox="1"/>
          <p:nvPr/>
        </p:nvSpPr>
        <p:spPr>
          <a:xfrm>
            <a:off x="7145594" y="1167768"/>
            <a:ext cx="1850922" cy="3046988"/>
          </a:xfrm>
          <a:prstGeom prst="rect">
            <a:avLst/>
          </a:prstGeom>
          <a:noFill/>
        </p:spPr>
        <p:txBody>
          <a:bodyPr wrap="square" rtlCol="0">
            <a:spAutoFit/>
          </a:bodyPr>
          <a:lstStyle/>
          <a:p>
            <a:r>
              <a:rPr kumimoji="1" lang="ja-JP" altLang="en-US" sz="2400" dirty="0"/>
              <a:t>これは？</a:t>
            </a:r>
            <a:endParaRPr kumimoji="1" lang="en-US" altLang="ja-JP" sz="2400" dirty="0"/>
          </a:p>
          <a:p>
            <a:r>
              <a:rPr lang="ja-JP" altLang="en-US" sz="2400" dirty="0"/>
              <a:t>断面補強？</a:t>
            </a:r>
            <a:endParaRPr lang="en-US" altLang="ja-JP" sz="2400" dirty="0"/>
          </a:p>
          <a:p>
            <a:endParaRPr kumimoji="1" lang="en-US" altLang="ja-JP" sz="2400" dirty="0"/>
          </a:p>
          <a:p>
            <a:r>
              <a:rPr kumimoji="1" lang="ja-JP" altLang="en-US" sz="2400" dirty="0"/>
              <a:t>施工時の</a:t>
            </a:r>
            <a:endParaRPr kumimoji="1" lang="en-US" altLang="ja-JP" sz="2400" dirty="0"/>
          </a:p>
          <a:p>
            <a:r>
              <a:rPr kumimoji="1" lang="ja-JP" altLang="en-US" sz="2400" dirty="0"/>
              <a:t>出来形不足</a:t>
            </a:r>
            <a:endParaRPr kumimoji="1" lang="en-US" altLang="ja-JP" sz="2400" dirty="0"/>
          </a:p>
          <a:p>
            <a:endParaRPr lang="en-US" altLang="ja-JP" sz="2400" dirty="0"/>
          </a:p>
          <a:p>
            <a:r>
              <a:rPr kumimoji="1" lang="ja-JP" altLang="en-US" sz="2400" dirty="0"/>
              <a:t>こんな補修を平気で！</a:t>
            </a:r>
          </a:p>
        </p:txBody>
      </p:sp>
    </p:spTree>
    <p:extLst>
      <p:ext uri="{BB962C8B-B14F-4D97-AF65-F5344CB8AC3E}">
        <p14:creationId xmlns:p14="http://schemas.microsoft.com/office/powerpoint/2010/main" val="2263329969"/>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22" name="object 2">
            <a:extLst>
              <a:ext uri="{FF2B5EF4-FFF2-40B4-BE49-F238E27FC236}">
                <a16:creationId xmlns:a16="http://schemas.microsoft.com/office/drawing/2014/main" id="{10206A13-3F1F-371C-DDB7-CF1D1A982E2D}"/>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50825" y="2476500"/>
            <a:ext cx="4443413" cy="30956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81923" name="object 3">
            <a:extLst>
              <a:ext uri="{FF2B5EF4-FFF2-40B4-BE49-F238E27FC236}">
                <a16:creationId xmlns:a16="http://schemas.microsoft.com/office/drawing/2014/main" id="{5686762D-4451-9CC1-5808-8A4F2284C77D}"/>
              </a:ext>
            </a:extLst>
          </p:cNvPr>
          <p:cNvGrpSpPr>
            <a:grpSpLocks/>
          </p:cNvGrpSpPr>
          <p:nvPr/>
        </p:nvGrpSpPr>
        <p:grpSpPr bwMode="auto">
          <a:xfrm>
            <a:off x="1652588" y="5659438"/>
            <a:ext cx="1627187" cy="238125"/>
            <a:chOff x="2203513" y="6402133"/>
            <a:chExt cx="2169160" cy="317500"/>
          </a:xfrm>
        </p:grpSpPr>
        <p:sp>
          <p:nvSpPr>
            <p:cNvPr id="4" name="object 4">
              <a:extLst>
                <a:ext uri="{FF2B5EF4-FFF2-40B4-BE49-F238E27FC236}">
                  <a16:creationId xmlns:a16="http://schemas.microsoft.com/office/drawing/2014/main" id="{63BA2AE2-03A1-80CB-8EEC-FEF4AC312065}"/>
                </a:ext>
              </a:extLst>
            </p:cNvPr>
            <p:cNvSpPr/>
            <p:nvPr/>
          </p:nvSpPr>
          <p:spPr>
            <a:xfrm>
              <a:off x="2207746" y="6406366"/>
              <a:ext cx="2160695" cy="309033"/>
            </a:xfrm>
            <a:custGeom>
              <a:avLst/>
              <a:gdLst/>
              <a:ahLst/>
              <a:cxnLst/>
              <a:rect l="l" t="t" r="r" b="b"/>
              <a:pathLst>
                <a:path w="2159635" h="307975">
                  <a:moveTo>
                    <a:pt x="2159507" y="0"/>
                  </a:moveTo>
                  <a:lnTo>
                    <a:pt x="0" y="0"/>
                  </a:lnTo>
                  <a:lnTo>
                    <a:pt x="0" y="307847"/>
                  </a:lnTo>
                  <a:lnTo>
                    <a:pt x="2159507" y="307847"/>
                  </a:lnTo>
                  <a:lnTo>
                    <a:pt x="2159507" y="0"/>
                  </a:lnTo>
                  <a:close/>
                </a:path>
              </a:pathLst>
            </a:custGeom>
            <a:solidFill>
              <a:srgbClr val="E1EFD9"/>
            </a:solidFill>
          </p:spPr>
          <p:txBody>
            <a:bodyPr lIns="0" tIns="0" rIns="0" bIns="0"/>
            <a:lstStyle/>
            <a:p>
              <a:pPr>
                <a:defRPr/>
              </a:pPr>
              <a:endParaRPr sz="1350"/>
            </a:p>
          </p:txBody>
        </p:sp>
        <p:sp>
          <p:nvSpPr>
            <p:cNvPr id="5" name="object 5">
              <a:extLst>
                <a:ext uri="{FF2B5EF4-FFF2-40B4-BE49-F238E27FC236}">
                  <a16:creationId xmlns:a16="http://schemas.microsoft.com/office/drawing/2014/main" id="{68436E97-61F7-8F2D-1717-80D3D03544D6}"/>
                </a:ext>
              </a:extLst>
            </p:cNvPr>
            <p:cNvSpPr/>
            <p:nvPr/>
          </p:nvSpPr>
          <p:spPr>
            <a:xfrm>
              <a:off x="2207746" y="6406366"/>
              <a:ext cx="2160695" cy="309033"/>
            </a:xfrm>
            <a:custGeom>
              <a:avLst/>
              <a:gdLst/>
              <a:ahLst/>
              <a:cxnLst/>
              <a:rect l="l" t="t" r="r" b="b"/>
              <a:pathLst>
                <a:path w="2159635" h="307975">
                  <a:moveTo>
                    <a:pt x="0" y="307847"/>
                  </a:moveTo>
                  <a:lnTo>
                    <a:pt x="2159507" y="307847"/>
                  </a:lnTo>
                  <a:lnTo>
                    <a:pt x="2159507" y="0"/>
                  </a:lnTo>
                  <a:lnTo>
                    <a:pt x="0" y="0"/>
                  </a:lnTo>
                  <a:lnTo>
                    <a:pt x="0" y="307847"/>
                  </a:lnTo>
                  <a:close/>
                </a:path>
              </a:pathLst>
            </a:custGeom>
            <a:ln w="9525">
              <a:solidFill>
                <a:srgbClr val="001F5F"/>
              </a:solidFill>
            </a:ln>
          </p:spPr>
          <p:txBody>
            <a:bodyPr lIns="0" tIns="0" rIns="0" bIns="0"/>
            <a:lstStyle/>
            <a:p>
              <a:pPr>
                <a:defRPr/>
              </a:pPr>
              <a:endParaRPr sz="1350"/>
            </a:p>
          </p:txBody>
        </p:sp>
      </p:grpSp>
      <p:sp>
        <p:nvSpPr>
          <p:cNvPr id="81924" name="object 6">
            <a:extLst>
              <a:ext uri="{FF2B5EF4-FFF2-40B4-BE49-F238E27FC236}">
                <a16:creationId xmlns:a16="http://schemas.microsoft.com/office/drawing/2014/main" id="{5C71BC95-F360-18F3-1A73-E5735D1CDF56}"/>
              </a:ext>
            </a:extLst>
          </p:cNvPr>
          <p:cNvSpPr>
            <a:spLocks noGrp="1"/>
          </p:cNvSpPr>
          <p:nvPr>
            <p:ph type="title"/>
          </p:nvPr>
        </p:nvSpPr>
        <p:spPr>
          <a:xfrm>
            <a:off x="914400" y="963612"/>
            <a:ext cx="7559675" cy="1346394"/>
          </a:xfrm>
          <a:solidFill>
            <a:srgbClr val="FFFF00"/>
          </a:solidFill>
        </p:spPr>
        <p:txBody>
          <a:bodyPr lIns="0" tIns="15240" rIns="0" bIns="0">
            <a:spAutoFit/>
          </a:bodyPr>
          <a:lstStyle/>
          <a:p>
            <a:pPr>
              <a:spcBef>
                <a:spcPts val="125"/>
              </a:spcBef>
            </a:pPr>
            <a:r>
              <a:rPr lang="ja-JP" altLang="ja-JP" sz="2400" dirty="0"/>
              <a:t>打撃振動試験</a:t>
            </a:r>
            <a:br>
              <a:rPr lang="en-US" altLang="ja-JP" sz="2400" dirty="0"/>
            </a:br>
            <a:r>
              <a:rPr lang="ja-JP" altLang="en-US" sz="2400" dirty="0"/>
              <a:t>橋梁を構造物全体形として安全誌を確認</a:t>
            </a:r>
            <a:br>
              <a:rPr lang="en-US" altLang="ja-JP" sz="2400" dirty="0"/>
            </a:br>
            <a:r>
              <a:rPr lang="ja-JP" altLang="en-US" sz="2400" dirty="0"/>
              <a:t>衝撃弾性波を利用し固有振動数を検知</a:t>
            </a:r>
            <a:br>
              <a:rPr lang="en-US" altLang="ja-JP" sz="2400" dirty="0"/>
            </a:br>
            <a:r>
              <a:rPr lang="ja-JP" altLang="en-US" sz="2400" dirty="0"/>
              <a:t>橋梁の全体健全性を評価する目的</a:t>
            </a:r>
            <a:endParaRPr lang="ja-JP" altLang="ja-JP" sz="2400" dirty="0"/>
          </a:p>
        </p:txBody>
      </p:sp>
      <p:pic>
        <p:nvPicPr>
          <p:cNvPr id="81925" name="object 7">
            <a:extLst>
              <a:ext uri="{FF2B5EF4-FFF2-40B4-BE49-F238E27FC236}">
                <a16:creationId xmlns:a16="http://schemas.microsoft.com/office/drawing/2014/main" id="{83CB5F7E-8259-26AD-5D6B-078482206CA3}"/>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02200" y="2513013"/>
            <a:ext cx="4057650" cy="3059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81926" name="object 8">
            <a:extLst>
              <a:ext uri="{FF2B5EF4-FFF2-40B4-BE49-F238E27FC236}">
                <a16:creationId xmlns:a16="http://schemas.microsoft.com/office/drawing/2014/main" id="{C7600338-1632-BA8F-49DE-DE9308960B17}"/>
              </a:ext>
            </a:extLst>
          </p:cNvPr>
          <p:cNvGrpSpPr>
            <a:grpSpLocks/>
          </p:cNvGrpSpPr>
          <p:nvPr/>
        </p:nvGrpSpPr>
        <p:grpSpPr bwMode="auto">
          <a:xfrm>
            <a:off x="6321425" y="5651500"/>
            <a:ext cx="1219200" cy="238125"/>
            <a:chOff x="8429053" y="6391465"/>
            <a:chExt cx="1624965" cy="317500"/>
          </a:xfrm>
        </p:grpSpPr>
        <p:sp>
          <p:nvSpPr>
            <p:cNvPr id="9" name="object 9">
              <a:extLst>
                <a:ext uri="{FF2B5EF4-FFF2-40B4-BE49-F238E27FC236}">
                  <a16:creationId xmlns:a16="http://schemas.microsoft.com/office/drawing/2014/main" id="{D8B2EB1D-84D8-DB75-DE18-DDD299EAE722}"/>
                </a:ext>
              </a:extLst>
            </p:cNvPr>
            <p:cNvSpPr/>
            <p:nvPr/>
          </p:nvSpPr>
          <p:spPr>
            <a:xfrm>
              <a:off x="8433285" y="6395698"/>
              <a:ext cx="1616502" cy="309033"/>
            </a:xfrm>
            <a:custGeom>
              <a:avLst/>
              <a:gdLst/>
              <a:ahLst/>
              <a:cxnLst/>
              <a:rect l="l" t="t" r="r" b="b"/>
              <a:pathLst>
                <a:path w="1615440" h="307975">
                  <a:moveTo>
                    <a:pt x="1615440" y="0"/>
                  </a:moveTo>
                  <a:lnTo>
                    <a:pt x="0" y="0"/>
                  </a:lnTo>
                  <a:lnTo>
                    <a:pt x="0" y="307848"/>
                  </a:lnTo>
                  <a:lnTo>
                    <a:pt x="1615440" y="307848"/>
                  </a:lnTo>
                  <a:lnTo>
                    <a:pt x="1615440" y="0"/>
                  </a:lnTo>
                  <a:close/>
                </a:path>
              </a:pathLst>
            </a:custGeom>
            <a:solidFill>
              <a:srgbClr val="E1EFD9"/>
            </a:solidFill>
          </p:spPr>
          <p:txBody>
            <a:bodyPr lIns="0" tIns="0" rIns="0" bIns="0"/>
            <a:lstStyle/>
            <a:p>
              <a:pPr>
                <a:defRPr/>
              </a:pPr>
              <a:endParaRPr sz="1350"/>
            </a:p>
          </p:txBody>
        </p:sp>
        <p:sp>
          <p:nvSpPr>
            <p:cNvPr id="10" name="object 10">
              <a:extLst>
                <a:ext uri="{FF2B5EF4-FFF2-40B4-BE49-F238E27FC236}">
                  <a16:creationId xmlns:a16="http://schemas.microsoft.com/office/drawing/2014/main" id="{525C5D1D-09E8-7E74-026B-077A7234FBB2}"/>
                </a:ext>
              </a:extLst>
            </p:cNvPr>
            <p:cNvSpPr/>
            <p:nvPr/>
          </p:nvSpPr>
          <p:spPr>
            <a:xfrm>
              <a:off x="8433285" y="6395698"/>
              <a:ext cx="1616502" cy="309033"/>
            </a:xfrm>
            <a:custGeom>
              <a:avLst/>
              <a:gdLst/>
              <a:ahLst/>
              <a:cxnLst/>
              <a:rect l="l" t="t" r="r" b="b"/>
              <a:pathLst>
                <a:path w="1615440" h="307975">
                  <a:moveTo>
                    <a:pt x="0" y="307848"/>
                  </a:moveTo>
                  <a:lnTo>
                    <a:pt x="1615440" y="307848"/>
                  </a:lnTo>
                  <a:lnTo>
                    <a:pt x="1615440" y="0"/>
                  </a:lnTo>
                  <a:lnTo>
                    <a:pt x="0" y="0"/>
                  </a:lnTo>
                  <a:lnTo>
                    <a:pt x="0" y="307848"/>
                  </a:lnTo>
                  <a:close/>
                </a:path>
              </a:pathLst>
            </a:custGeom>
            <a:ln w="9525">
              <a:solidFill>
                <a:srgbClr val="001F5F"/>
              </a:solidFill>
            </a:ln>
          </p:spPr>
          <p:txBody>
            <a:bodyPr lIns="0" tIns="0" rIns="0" bIns="0"/>
            <a:lstStyle/>
            <a:p>
              <a:pPr>
                <a:defRPr/>
              </a:pPr>
              <a:endParaRPr sz="1350"/>
            </a:p>
          </p:txBody>
        </p:sp>
      </p:grpSp>
      <p:sp>
        <p:nvSpPr>
          <p:cNvPr id="11" name="object 11">
            <a:extLst>
              <a:ext uri="{FF2B5EF4-FFF2-40B4-BE49-F238E27FC236}">
                <a16:creationId xmlns:a16="http://schemas.microsoft.com/office/drawing/2014/main" id="{4C16848A-7653-021A-9D9C-9D0794014B45}"/>
              </a:ext>
            </a:extLst>
          </p:cNvPr>
          <p:cNvSpPr txBox="1"/>
          <p:nvPr/>
        </p:nvSpPr>
        <p:spPr>
          <a:xfrm>
            <a:off x="6384925" y="5702300"/>
            <a:ext cx="1090613" cy="153988"/>
          </a:xfrm>
          <a:prstGeom prst="rect">
            <a:avLst/>
          </a:prstGeom>
        </p:spPr>
        <p:txBody>
          <a:bodyPr lIns="0" tIns="0" rIns="0" bIns="0">
            <a:spAutoFit/>
          </a:bodyPr>
          <a:lstStyle/>
          <a:p>
            <a:pPr marL="9525">
              <a:lnSpc>
                <a:spcPts val="1189"/>
              </a:lnSpc>
              <a:defRPr/>
            </a:pPr>
            <a:r>
              <a:rPr sz="1050" b="1" spc="-11" dirty="0">
                <a:latin typeface="ＭＳ Ｐゴシック"/>
                <a:cs typeface="ＭＳ Ｐゴシック"/>
              </a:rPr>
              <a:t>橋脚の打撃の様子</a:t>
            </a:r>
            <a:endParaRPr sz="1050" dirty="0">
              <a:latin typeface="ＭＳ Ｐゴシック"/>
              <a:cs typeface="ＭＳ Ｐゴシック"/>
            </a:endParaRPr>
          </a:p>
        </p:txBody>
      </p:sp>
      <p:sp>
        <p:nvSpPr>
          <p:cNvPr id="12" name="object 12">
            <a:extLst>
              <a:ext uri="{FF2B5EF4-FFF2-40B4-BE49-F238E27FC236}">
                <a16:creationId xmlns:a16="http://schemas.microsoft.com/office/drawing/2014/main" id="{5909FFEC-4BB8-20A5-C7D3-9AB06DE36AA2}"/>
              </a:ext>
            </a:extLst>
          </p:cNvPr>
          <p:cNvSpPr txBox="1"/>
          <p:nvPr/>
        </p:nvSpPr>
        <p:spPr>
          <a:xfrm>
            <a:off x="1714500" y="5710238"/>
            <a:ext cx="2179638" cy="155575"/>
          </a:xfrm>
          <a:prstGeom prst="rect">
            <a:avLst/>
          </a:prstGeom>
        </p:spPr>
        <p:txBody>
          <a:bodyPr lIns="0" tIns="0" rIns="0" bIns="0">
            <a:spAutoFit/>
          </a:bodyPr>
          <a:lstStyle/>
          <a:p>
            <a:pPr marL="9525">
              <a:lnSpc>
                <a:spcPts val="1189"/>
              </a:lnSpc>
              <a:defRPr/>
            </a:pPr>
            <a:r>
              <a:rPr sz="1050" b="1" spc="-4" dirty="0">
                <a:latin typeface="ＭＳ Ｐゴシック"/>
                <a:cs typeface="ＭＳ Ｐゴシック"/>
              </a:rPr>
              <a:t>千原崎橋の全景</a:t>
            </a:r>
            <a:r>
              <a:rPr sz="1050" b="1" spc="-8" dirty="0">
                <a:latin typeface="ＭＳ Ｐゴシック"/>
                <a:cs typeface="ＭＳ Ｐゴシック"/>
              </a:rPr>
              <a:t>（下流側</a:t>
            </a:r>
            <a:r>
              <a:rPr sz="1050" b="1" spc="-38" dirty="0">
                <a:latin typeface="ＭＳ Ｐゴシック"/>
                <a:cs typeface="ＭＳ Ｐゴシック"/>
              </a:rPr>
              <a:t>）</a:t>
            </a:r>
            <a:endParaRPr sz="1050" dirty="0">
              <a:latin typeface="ＭＳ Ｐゴシック"/>
              <a:cs typeface="ＭＳ Ｐゴシック"/>
            </a:endParaRPr>
          </a:p>
        </p:txBody>
      </p:sp>
      <p:sp>
        <p:nvSpPr>
          <p:cNvPr id="13" name="object 13">
            <a:extLst>
              <a:ext uri="{FF2B5EF4-FFF2-40B4-BE49-F238E27FC236}">
                <a16:creationId xmlns:a16="http://schemas.microsoft.com/office/drawing/2014/main" id="{7927C22F-6B6C-2688-D865-E302C5C18CC3}"/>
              </a:ext>
            </a:extLst>
          </p:cNvPr>
          <p:cNvSpPr>
            <a:spLocks noGrp="1"/>
          </p:cNvSpPr>
          <p:nvPr>
            <p:ph type="sldNum" sz="quarter" idx="12"/>
          </p:nvPr>
        </p:nvSpPr>
        <p:spPr>
          <a:xfrm>
            <a:off x="11382375" y="6489700"/>
            <a:ext cx="387350" cy="287338"/>
          </a:xfrm>
        </p:spPr>
        <p:txBody>
          <a:bodyPr lIns="0" tIns="0" rIns="0" bIns="0" rtlCol="0">
            <a:spAutoFit/>
          </a:bodyPr>
          <a:lstStyle>
            <a:defPPr>
              <a:defRPr kern="0"/>
            </a:defPPr>
            <a:lvl1pPr>
              <a:defRPr sz="1800" b="1" i="0">
                <a:solidFill>
                  <a:srgbClr val="006FC0"/>
                </a:solidFill>
                <a:latin typeface="Times New Roman"/>
                <a:cs typeface="Times New Roman"/>
              </a:defRPr>
            </a:lvl1pPr>
          </a:lstStyle>
          <a:p>
            <a:pPr marL="38100" algn="l" eaLnBrk="0" hangingPunct="0">
              <a:lnSpc>
                <a:spcPts val="2065"/>
              </a:lnSpc>
              <a:defRPr/>
            </a:pPr>
            <a:fld id="{81C778F2-670D-4F6E-B84B-20010F976640}" type="slidenum">
              <a:rPr lang="en-US" altLang="ja-JP" spc="-25" smtClean="0">
                <a:solidFill>
                  <a:srgbClr val="4471C4"/>
                </a:solidFill>
              </a:rPr>
              <a:pPr marL="38100" algn="l" eaLnBrk="0" hangingPunct="0">
                <a:lnSpc>
                  <a:spcPts val="2065"/>
                </a:lnSpc>
                <a:defRPr/>
              </a:pPr>
              <a:t>38</a:t>
            </a:fld>
            <a:endParaRPr spc="-19" dirty="0"/>
          </a:p>
        </p:txBody>
      </p:sp>
      <p:sp>
        <p:nvSpPr>
          <p:cNvPr id="2" name="テキスト ボックス 1">
            <a:extLst>
              <a:ext uri="{FF2B5EF4-FFF2-40B4-BE49-F238E27FC236}">
                <a16:creationId xmlns:a16="http://schemas.microsoft.com/office/drawing/2014/main" id="{FE642092-A266-C667-D810-C2139AAC641B}"/>
              </a:ext>
            </a:extLst>
          </p:cNvPr>
          <p:cNvSpPr txBox="1"/>
          <p:nvPr/>
        </p:nvSpPr>
        <p:spPr>
          <a:xfrm>
            <a:off x="250825" y="298940"/>
            <a:ext cx="7879080" cy="461665"/>
          </a:xfrm>
          <a:prstGeom prst="rect">
            <a:avLst/>
          </a:prstGeom>
          <a:noFill/>
        </p:spPr>
        <p:txBody>
          <a:bodyPr wrap="none" rtlCol="0">
            <a:spAutoFit/>
          </a:bodyPr>
          <a:lstStyle/>
          <a:p>
            <a:r>
              <a:rPr kumimoji="1" lang="ja-JP" altLang="en-US" sz="2400" dirty="0"/>
              <a:t>橋梁全体の健全度の確認　振動試験による固有値の確認</a:t>
            </a:r>
          </a:p>
        </p:txBody>
      </p:sp>
      <p:sp>
        <p:nvSpPr>
          <p:cNvPr id="3" name="テキスト ボックス 2">
            <a:extLst>
              <a:ext uri="{FF2B5EF4-FFF2-40B4-BE49-F238E27FC236}">
                <a16:creationId xmlns:a16="http://schemas.microsoft.com/office/drawing/2014/main" id="{8B1AF397-3E28-2F71-9098-89FB68DF1EE7}"/>
              </a:ext>
            </a:extLst>
          </p:cNvPr>
          <p:cNvSpPr txBox="1"/>
          <p:nvPr/>
        </p:nvSpPr>
        <p:spPr>
          <a:xfrm>
            <a:off x="2569029" y="6264037"/>
            <a:ext cx="3615092" cy="369332"/>
          </a:xfrm>
          <a:prstGeom prst="rect">
            <a:avLst/>
          </a:prstGeom>
          <a:noFill/>
        </p:spPr>
        <p:txBody>
          <a:bodyPr wrap="none" rtlCol="0">
            <a:spAutoFit/>
          </a:bodyPr>
          <a:lstStyle/>
          <a:p>
            <a:r>
              <a:rPr kumimoji="1" lang="en-US" altLang="ja-JP" dirty="0"/>
              <a:t>JR</a:t>
            </a:r>
            <a:r>
              <a:rPr kumimoji="1" lang="ja-JP" altLang="en-US" dirty="0"/>
              <a:t>（鉄道）技術の道路橋への応用</a:t>
            </a:r>
          </a:p>
        </p:txBody>
      </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テキスト ボックス 2">
            <a:extLst>
              <a:ext uri="{FF2B5EF4-FFF2-40B4-BE49-F238E27FC236}">
                <a16:creationId xmlns:a16="http://schemas.microsoft.com/office/drawing/2014/main" id="{36A63F0F-BF14-88B5-97B5-09F87FCCEC02}"/>
              </a:ext>
            </a:extLst>
          </p:cNvPr>
          <p:cNvSpPr txBox="1">
            <a:spLocks noChangeArrowheads="1"/>
          </p:cNvSpPr>
          <p:nvPr/>
        </p:nvSpPr>
        <p:spPr bwMode="auto">
          <a:xfrm>
            <a:off x="2034381" y="39335"/>
            <a:ext cx="442300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800" dirty="0">
                <a:latin typeface="Arial" panose="020B0604020202020204" pitchFamily="34" charset="0"/>
              </a:rPr>
              <a:t>メンテナンスサイクルの課題</a:t>
            </a:r>
          </a:p>
        </p:txBody>
      </p:sp>
      <p:sp>
        <p:nvSpPr>
          <p:cNvPr id="2" name="四角形吹き出し 1">
            <a:extLst>
              <a:ext uri="{FF2B5EF4-FFF2-40B4-BE49-F238E27FC236}">
                <a16:creationId xmlns:a16="http://schemas.microsoft.com/office/drawing/2014/main" id="{81C10FEF-914D-8AD1-84BB-3AD7B3D6611E}"/>
              </a:ext>
            </a:extLst>
          </p:cNvPr>
          <p:cNvSpPr/>
          <p:nvPr/>
        </p:nvSpPr>
        <p:spPr>
          <a:xfrm>
            <a:off x="198438" y="801688"/>
            <a:ext cx="2089150" cy="935037"/>
          </a:xfrm>
          <a:prstGeom prst="wedgeRectCallout">
            <a:avLst>
              <a:gd name="adj1" fmla="val 46928"/>
              <a:gd name="adj2" fmla="val 86001"/>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再補修の時期予測とコスト</a:t>
            </a:r>
          </a:p>
        </p:txBody>
      </p:sp>
      <p:sp>
        <p:nvSpPr>
          <p:cNvPr id="7" name="四角形吹き出し 6">
            <a:extLst>
              <a:ext uri="{FF2B5EF4-FFF2-40B4-BE49-F238E27FC236}">
                <a16:creationId xmlns:a16="http://schemas.microsoft.com/office/drawing/2014/main" id="{12736E92-5ACA-61AC-B733-3B810E31763D}"/>
              </a:ext>
            </a:extLst>
          </p:cNvPr>
          <p:cNvSpPr/>
          <p:nvPr/>
        </p:nvSpPr>
        <p:spPr>
          <a:xfrm>
            <a:off x="114300" y="4560888"/>
            <a:ext cx="4133850" cy="990600"/>
          </a:xfrm>
          <a:prstGeom prst="wedgeRectCallout">
            <a:avLst>
              <a:gd name="adj1" fmla="val 6839"/>
              <a:gd name="adj2" fmla="val -73786"/>
            </a:avLst>
          </a:prstGeom>
          <a:ln w="57150">
            <a:solidFill>
              <a:srgbClr val="FF3300"/>
            </a:solidFill>
          </a:ln>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highlight>
                  <a:srgbClr val="FFFF00"/>
                </a:highlight>
              </a:rPr>
              <a:t>補修の工法の選定は？</a:t>
            </a:r>
            <a:endParaRPr lang="en-US" altLang="ja-JP" sz="2000" b="1" dirty="0">
              <a:highlight>
                <a:srgbClr val="FFFF00"/>
              </a:highlight>
            </a:endParaRPr>
          </a:p>
          <a:p>
            <a:pPr algn="ctr" eaLnBrk="1" fontAlgn="auto" hangingPunct="1">
              <a:spcBef>
                <a:spcPts val="0"/>
              </a:spcBef>
              <a:spcAft>
                <a:spcPts val="0"/>
              </a:spcAft>
              <a:defRPr/>
            </a:pPr>
            <a:r>
              <a:rPr lang="ja-JP" altLang="en-US" sz="2000" b="1" dirty="0">
                <a:solidFill>
                  <a:schemeClr val="tx1"/>
                </a:solidFill>
                <a:highlight>
                  <a:srgbClr val="FFFF00"/>
                </a:highlight>
              </a:rPr>
              <a:t>有効な補修技術が分かっていない。</a:t>
            </a:r>
            <a:endParaRPr lang="en-US" altLang="ja-JP" sz="2000" b="1" dirty="0">
              <a:solidFill>
                <a:schemeClr val="tx1"/>
              </a:solidFill>
              <a:highlight>
                <a:srgbClr val="FFFF00"/>
              </a:highlight>
            </a:endParaRPr>
          </a:p>
          <a:p>
            <a:pPr algn="ctr" eaLnBrk="1" fontAlgn="auto" hangingPunct="1">
              <a:spcBef>
                <a:spcPts val="0"/>
              </a:spcBef>
              <a:spcAft>
                <a:spcPts val="0"/>
              </a:spcAft>
              <a:defRPr/>
            </a:pPr>
            <a:r>
              <a:rPr lang="ja-JP" altLang="en-US" sz="2000" b="1" dirty="0">
                <a:solidFill>
                  <a:schemeClr val="tx1"/>
                </a:solidFill>
                <a:highlight>
                  <a:srgbClr val="FFFF00"/>
                </a:highlight>
              </a:rPr>
              <a:t>実装のための実証不足</a:t>
            </a:r>
            <a:endParaRPr lang="ja-JP" altLang="en-US" sz="2000" b="1" dirty="0">
              <a:highlight>
                <a:srgbClr val="FFFF00"/>
              </a:highlight>
            </a:endParaRPr>
          </a:p>
        </p:txBody>
      </p:sp>
      <p:sp>
        <p:nvSpPr>
          <p:cNvPr id="8" name="四角形吹き出し 7">
            <a:extLst>
              <a:ext uri="{FF2B5EF4-FFF2-40B4-BE49-F238E27FC236}">
                <a16:creationId xmlns:a16="http://schemas.microsoft.com/office/drawing/2014/main" id="{3B1B9FED-932F-C7CA-B722-F8D6BE1D9084}"/>
              </a:ext>
            </a:extLst>
          </p:cNvPr>
          <p:cNvSpPr/>
          <p:nvPr/>
        </p:nvSpPr>
        <p:spPr>
          <a:xfrm>
            <a:off x="5345113" y="765175"/>
            <a:ext cx="3492500" cy="719138"/>
          </a:xfrm>
          <a:prstGeom prst="wedgeRectCallout">
            <a:avLst>
              <a:gd name="adj1" fmla="val -68131"/>
              <a:gd name="adj2" fmla="val 10995"/>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点検結果は信頼できるか？</a:t>
            </a:r>
            <a:endParaRPr lang="en-US" altLang="ja-JP" sz="2000" b="1" dirty="0"/>
          </a:p>
          <a:p>
            <a:pPr algn="ctr" eaLnBrk="1" fontAlgn="auto" hangingPunct="1">
              <a:spcBef>
                <a:spcPts val="0"/>
              </a:spcBef>
              <a:spcAft>
                <a:spcPts val="0"/>
              </a:spcAft>
              <a:defRPr/>
            </a:pPr>
            <a:r>
              <a:rPr lang="ja-JP" altLang="en-US" sz="2000" b="1" dirty="0">
                <a:solidFill>
                  <a:schemeClr val="tx1"/>
                </a:solidFill>
              </a:rPr>
              <a:t>コンサルの知見不足。手抜き</a:t>
            </a:r>
            <a:endParaRPr lang="ja-JP" altLang="en-US" sz="2000" b="1" dirty="0"/>
          </a:p>
        </p:txBody>
      </p:sp>
      <p:sp>
        <p:nvSpPr>
          <p:cNvPr id="9" name="四角形吹き出し 8">
            <a:extLst>
              <a:ext uri="{FF2B5EF4-FFF2-40B4-BE49-F238E27FC236}">
                <a16:creationId xmlns:a16="http://schemas.microsoft.com/office/drawing/2014/main" id="{8E2D64FE-F9C4-410E-F21A-3EE6426950AD}"/>
              </a:ext>
            </a:extLst>
          </p:cNvPr>
          <p:cNvSpPr/>
          <p:nvPr/>
        </p:nvSpPr>
        <p:spPr>
          <a:xfrm>
            <a:off x="5953125" y="3946525"/>
            <a:ext cx="3003550" cy="842963"/>
          </a:xfrm>
          <a:prstGeom prst="wedgeRectCallout">
            <a:avLst>
              <a:gd name="adj1" fmla="val -66372"/>
              <a:gd name="adj2" fmla="val 71125"/>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判断基準と財政負担評価</a:t>
            </a:r>
          </a:p>
        </p:txBody>
      </p:sp>
      <p:sp>
        <p:nvSpPr>
          <p:cNvPr id="10" name="四角形吹き出し 9">
            <a:extLst>
              <a:ext uri="{FF2B5EF4-FFF2-40B4-BE49-F238E27FC236}">
                <a16:creationId xmlns:a16="http://schemas.microsoft.com/office/drawing/2014/main" id="{ABEA80A6-4855-3528-E88D-746DD4C0BE33}"/>
              </a:ext>
            </a:extLst>
          </p:cNvPr>
          <p:cNvSpPr/>
          <p:nvPr/>
        </p:nvSpPr>
        <p:spPr>
          <a:xfrm>
            <a:off x="5716588" y="2238375"/>
            <a:ext cx="3003550" cy="828675"/>
          </a:xfrm>
          <a:prstGeom prst="wedgeRectCallout">
            <a:avLst>
              <a:gd name="adj1" fmla="val -75789"/>
              <a:gd name="adj2" fmla="val -24282"/>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診断･評価は的確か？</a:t>
            </a:r>
            <a:endParaRPr lang="en-US" altLang="ja-JP" sz="2000" b="1" dirty="0"/>
          </a:p>
          <a:p>
            <a:pPr algn="ctr" eaLnBrk="1" fontAlgn="auto" hangingPunct="1">
              <a:spcBef>
                <a:spcPts val="0"/>
              </a:spcBef>
              <a:spcAft>
                <a:spcPts val="0"/>
              </a:spcAft>
              <a:defRPr/>
            </a:pPr>
            <a:r>
              <a:rPr lang="ja-JP" altLang="en-US" sz="2000" b="1" dirty="0">
                <a:solidFill>
                  <a:schemeClr val="tx1"/>
                </a:solidFill>
              </a:rPr>
              <a:t>官側が判断できない</a:t>
            </a:r>
            <a:r>
              <a:rPr lang="ja-JP" altLang="en-US" sz="2000" dirty="0">
                <a:solidFill>
                  <a:schemeClr val="tx1"/>
                </a:solidFill>
              </a:rPr>
              <a:t>。</a:t>
            </a:r>
            <a:endParaRPr lang="ja-JP" altLang="en-US" sz="2000" b="1" dirty="0"/>
          </a:p>
        </p:txBody>
      </p:sp>
      <p:sp>
        <p:nvSpPr>
          <p:cNvPr id="3" name="角丸四角形 2">
            <a:extLst>
              <a:ext uri="{FF2B5EF4-FFF2-40B4-BE49-F238E27FC236}">
                <a16:creationId xmlns:a16="http://schemas.microsoft.com/office/drawing/2014/main" id="{DEE7D607-3528-C7BA-7738-A1F9424BD148}"/>
              </a:ext>
            </a:extLst>
          </p:cNvPr>
          <p:cNvSpPr/>
          <p:nvPr/>
        </p:nvSpPr>
        <p:spPr>
          <a:xfrm>
            <a:off x="3495675" y="890588"/>
            <a:ext cx="1223963" cy="466725"/>
          </a:xfrm>
          <a:prstGeom prst="round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点検</a:t>
            </a:r>
          </a:p>
        </p:txBody>
      </p:sp>
      <p:sp>
        <p:nvSpPr>
          <p:cNvPr id="20489" name="テキスト ボックス 3">
            <a:extLst>
              <a:ext uri="{FF2B5EF4-FFF2-40B4-BE49-F238E27FC236}">
                <a16:creationId xmlns:a16="http://schemas.microsoft.com/office/drawing/2014/main" id="{252E7FAA-ACE3-B90B-1A1E-96A47E9E7FA9}"/>
              </a:ext>
            </a:extLst>
          </p:cNvPr>
          <p:cNvSpPr txBox="1">
            <a:spLocks noChangeArrowheads="1"/>
          </p:cNvSpPr>
          <p:nvPr/>
        </p:nvSpPr>
        <p:spPr bwMode="auto">
          <a:xfrm>
            <a:off x="5029200" y="1557338"/>
            <a:ext cx="3576638"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a:latin typeface="Arial" panose="020B0604020202020204" pitchFamily="34" charset="0"/>
              </a:rPr>
              <a:t>・定期点検レベルでどこまでわかる？</a:t>
            </a:r>
            <a:endParaRPr lang="en-US" altLang="ja-JP" sz="1600" b="1">
              <a:latin typeface="Arial" panose="020B0604020202020204" pitchFamily="34" charset="0"/>
            </a:endParaRPr>
          </a:p>
          <a:p>
            <a:pPr eaLnBrk="1" hangingPunct="1">
              <a:spcBef>
                <a:spcPct val="0"/>
              </a:spcBef>
              <a:buFontTx/>
              <a:buNone/>
            </a:pPr>
            <a:r>
              <a:rPr lang="ja-JP" altLang="en-US" sz="1600" b="1">
                <a:latin typeface="Arial" panose="020B0604020202020204" pitchFamily="34" charset="0"/>
              </a:rPr>
              <a:t>・詳細点検（非破壊検査</a:t>
            </a:r>
            <a:r>
              <a:rPr lang="ja-JP" altLang="en-US" sz="1600">
                <a:latin typeface="Arial" panose="020B0604020202020204" pitchFamily="34" charset="0"/>
              </a:rPr>
              <a:t>）の提案が無い</a:t>
            </a:r>
          </a:p>
        </p:txBody>
      </p:sp>
      <p:sp>
        <p:nvSpPr>
          <p:cNvPr id="6" name="下矢印 5">
            <a:extLst>
              <a:ext uri="{FF2B5EF4-FFF2-40B4-BE49-F238E27FC236}">
                <a16:creationId xmlns:a16="http://schemas.microsoft.com/office/drawing/2014/main" id="{6F4B8BD4-3ECC-B11C-9BFF-D8C00AFDF428}"/>
              </a:ext>
            </a:extLst>
          </p:cNvPr>
          <p:cNvSpPr/>
          <p:nvPr/>
        </p:nvSpPr>
        <p:spPr>
          <a:xfrm>
            <a:off x="3852863" y="1628775"/>
            <a:ext cx="503237" cy="360363"/>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13" name="角丸四角形 12">
            <a:extLst>
              <a:ext uri="{FF2B5EF4-FFF2-40B4-BE49-F238E27FC236}">
                <a16:creationId xmlns:a16="http://schemas.microsoft.com/office/drawing/2014/main" id="{C27D46C6-401B-4762-92A0-0DC062B19013}"/>
              </a:ext>
            </a:extLst>
          </p:cNvPr>
          <p:cNvSpPr/>
          <p:nvPr/>
        </p:nvSpPr>
        <p:spPr>
          <a:xfrm>
            <a:off x="3419475" y="2279650"/>
            <a:ext cx="1657350" cy="468313"/>
          </a:xfrm>
          <a:prstGeom prst="roundRect">
            <a:avLst/>
          </a:prstGeom>
          <a:solidFill>
            <a:srgbClr val="D7DB3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診断・評価</a:t>
            </a:r>
          </a:p>
        </p:txBody>
      </p:sp>
      <p:sp>
        <p:nvSpPr>
          <p:cNvPr id="14" name="角丸四角形 13">
            <a:extLst>
              <a:ext uri="{FF2B5EF4-FFF2-40B4-BE49-F238E27FC236}">
                <a16:creationId xmlns:a16="http://schemas.microsoft.com/office/drawing/2014/main" id="{C623FB20-12E1-EFE8-CA35-19B8DEC737BE}"/>
              </a:ext>
            </a:extLst>
          </p:cNvPr>
          <p:cNvSpPr/>
          <p:nvPr/>
        </p:nvSpPr>
        <p:spPr>
          <a:xfrm>
            <a:off x="4646613" y="4559300"/>
            <a:ext cx="1223962" cy="466725"/>
          </a:xfrm>
          <a:prstGeom prst="roundRect">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更新</a:t>
            </a:r>
          </a:p>
        </p:txBody>
      </p:sp>
      <p:sp>
        <p:nvSpPr>
          <p:cNvPr id="15" name="角丸四角形 14">
            <a:extLst>
              <a:ext uri="{FF2B5EF4-FFF2-40B4-BE49-F238E27FC236}">
                <a16:creationId xmlns:a16="http://schemas.microsoft.com/office/drawing/2014/main" id="{A4CCC86E-7641-A043-4050-C230552EF77A}"/>
              </a:ext>
            </a:extLst>
          </p:cNvPr>
          <p:cNvSpPr/>
          <p:nvPr/>
        </p:nvSpPr>
        <p:spPr>
          <a:xfrm>
            <a:off x="1201738" y="3756025"/>
            <a:ext cx="1765300" cy="466725"/>
          </a:xfrm>
          <a:prstGeom prst="roundRect">
            <a:avLst/>
          </a:prstGeom>
          <a:solidFill>
            <a:srgbClr val="FF33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補修・補強</a:t>
            </a:r>
          </a:p>
        </p:txBody>
      </p:sp>
      <p:sp>
        <p:nvSpPr>
          <p:cNvPr id="16" name="角丸四角形 15">
            <a:extLst>
              <a:ext uri="{FF2B5EF4-FFF2-40B4-BE49-F238E27FC236}">
                <a16:creationId xmlns:a16="http://schemas.microsoft.com/office/drawing/2014/main" id="{D9DC410B-0E11-9B74-4F8A-56C0E098CD1E}"/>
              </a:ext>
            </a:extLst>
          </p:cNvPr>
          <p:cNvSpPr/>
          <p:nvPr/>
        </p:nvSpPr>
        <p:spPr>
          <a:xfrm>
            <a:off x="1152525" y="2081213"/>
            <a:ext cx="1763713" cy="466725"/>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経過観察</a:t>
            </a:r>
          </a:p>
        </p:txBody>
      </p:sp>
      <p:sp>
        <p:nvSpPr>
          <p:cNvPr id="20495" name="テキスト ボックス 16">
            <a:extLst>
              <a:ext uri="{FF2B5EF4-FFF2-40B4-BE49-F238E27FC236}">
                <a16:creationId xmlns:a16="http://schemas.microsoft.com/office/drawing/2014/main" id="{798AD7C0-6A6E-5082-0226-067AB92FC441}"/>
              </a:ext>
            </a:extLst>
          </p:cNvPr>
          <p:cNvSpPr txBox="1">
            <a:spLocks noChangeArrowheads="1"/>
          </p:cNvSpPr>
          <p:nvPr/>
        </p:nvSpPr>
        <p:spPr bwMode="auto">
          <a:xfrm>
            <a:off x="5742781" y="3102769"/>
            <a:ext cx="239200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dirty="0">
                <a:latin typeface="Arial" panose="020B0604020202020204" pitchFamily="34" charset="0"/>
              </a:rPr>
              <a:t>・耐荷力評価、・劣化予測</a:t>
            </a:r>
            <a:endParaRPr lang="en-US" altLang="ja-JP" sz="1600" b="1" dirty="0">
              <a:latin typeface="Arial" panose="020B0604020202020204" pitchFamily="34" charset="0"/>
            </a:endParaRPr>
          </a:p>
          <a:p>
            <a:pPr eaLnBrk="1" hangingPunct="1">
              <a:spcBef>
                <a:spcPct val="0"/>
              </a:spcBef>
              <a:buFontTx/>
              <a:buNone/>
            </a:pPr>
            <a:r>
              <a:rPr lang="ja-JP" altLang="en-US" sz="1600" b="1" dirty="0">
                <a:latin typeface="Arial" panose="020B0604020202020204" pitchFamily="34" charset="0"/>
              </a:rPr>
              <a:t>・補修方法はあるのか？</a:t>
            </a:r>
            <a:endParaRPr lang="ja-JP" altLang="en-US" sz="1600" dirty="0">
              <a:latin typeface="Arial" panose="020B0604020202020204" pitchFamily="34" charset="0"/>
            </a:endParaRPr>
          </a:p>
        </p:txBody>
      </p:sp>
      <p:sp>
        <p:nvSpPr>
          <p:cNvPr id="20496" name="テキスト ボックス 17">
            <a:extLst>
              <a:ext uri="{FF2B5EF4-FFF2-40B4-BE49-F238E27FC236}">
                <a16:creationId xmlns:a16="http://schemas.microsoft.com/office/drawing/2014/main" id="{F273EE60-3548-4658-818A-8E337FE91EAD}"/>
              </a:ext>
            </a:extLst>
          </p:cNvPr>
          <p:cNvSpPr txBox="1">
            <a:spLocks noChangeArrowheads="1"/>
          </p:cNvSpPr>
          <p:nvPr/>
        </p:nvSpPr>
        <p:spPr bwMode="auto">
          <a:xfrm>
            <a:off x="84138" y="3419475"/>
            <a:ext cx="1576387"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dirty="0">
                <a:latin typeface="Arial" panose="020B0604020202020204" pitchFamily="34" charset="0"/>
              </a:rPr>
              <a:t>・適切で有効な材料、工法</a:t>
            </a:r>
            <a:endParaRPr lang="en-US" altLang="ja-JP" sz="1600" b="1" dirty="0">
              <a:latin typeface="Arial" panose="020B0604020202020204" pitchFamily="34" charset="0"/>
            </a:endParaRPr>
          </a:p>
          <a:p>
            <a:pPr eaLnBrk="1" hangingPunct="1">
              <a:spcBef>
                <a:spcPct val="0"/>
              </a:spcBef>
              <a:buFontTx/>
              <a:buNone/>
            </a:pPr>
            <a:r>
              <a:rPr lang="ja-JP" altLang="en-US" sz="1600" b="1" dirty="0">
                <a:latin typeface="Arial" panose="020B0604020202020204" pitchFamily="34" charset="0"/>
              </a:rPr>
              <a:t>・耐久年数</a:t>
            </a:r>
            <a:endParaRPr lang="ja-JP" altLang="en-US" sz="1600" dirty="0">
              <a:latin typeface="Arial" panose="020B0604020202020204" pitchFamily="34" charset="0"/>
            </a:endParaRPr>
          </a:p>
        </p:txBody>
      </p:sp>
      <p:sp>
        <p:nvSpPr>
          <p:cNvPr id="19" name="下矢印 18">
            <a:extLst>
              <a:ext uri="{FF2B5EF4-FFF2-40B4-BE49-F238E27FC236}">
                <a16:creationId xmlns:a16="http://schemas.microsoft.com/office/drawing/2014/main" id="{469BF174-8E2B-35F2-ACE9-69976FAFF1F8}"/>
              </a:ext>
            </a:extLst>
          </p:cNvPr>
          <p:cNvSpPr/>
          <p:nvPr/>
        </p:nvSpPr>
        <p:spPr>
          <a:xfrm rot="10800000">
            <a:off x="1833563" y="2522538"/>
            <a:ext cx="501650" cy="896937"/>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11" name="曲折矢印 10">
            <a:extLst>
              <a:ext uri="{FF2B5EF4-FFF2-40B4-BE49-F238E27FC236}">
                <a16:creationId xmlns:a16="http://schemas.microsoft.com/office/drawing/2014/main" id="{02136639-83CA-AEE3-541C-849E4942F42F}"/>
              </a:ext>
            </a:extLst>
          </p:cNvPr>
          <p:cNvSpPr/>
          <p:nvPr/>
        </p:nvSpPr>
        <p:spPr>
          <a:xfrm rot="16200000">
            <a:off x="2560637" y="2628901"/>
            <a:ext cx="754063" cy="811212"/>
          </a:xfrm>
          <a:prstGeom prst="bent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solidFill>
                <a:schemeClr val="tx1"/>
              </a:solidFill>
            </a:endParaRPr>
          </a:p>
        </p:txBody>
      </p:sp>
      <p:sp>
        <p:nvSpPr>
          <p:cNvPr id="21" name="曲折矢印 20">
            <a:extLst>
              <a:ext uri="{FF2B5EF4-FFF2-40B4-BE49-F238E27FC236}">
                <a16:creationId xmlns:a16="http://schemas.microsoft.com/office/drawing/2014/main" id="{6BABF4F4-DED1-590B-5377-ACD78F5D1F97}"/>
              </a:ext>
            </a:extLst>
          </p:cNvPr>
          <p:cNvSpPr/>
          <p:nvPr/>
        </p:nvSpPr>
        <p:spPr>
          <a:xfrm rot="10800000">
            <a:off x="3119438" y="3035300"/>
            <a:ext cx="754062" cy="1216025"/>
          </a:xfrm>
          <a:prstGeom prst="bent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solidFill>
                <a:schemeClr val="tx1"/>
              </a:solidFill>
            </a:endParaRPr>
          </a:p>
        </p:txBody>
      </p:sp>
      <p:sp>
        <p:nvSpPr>
          <p:cNvPr id="22" name="曲折矢印 21">
            <a:extLst>
              <a:ext uri="{FF2B5EF4-FFF2-40B4-BE49-F238E27FC236}">
                <a16:creationId xmlns:a16="http://schemas.microsoft.com/office/drawing/2014/main" id="{5718A501-AD40-978D-0626-1248A2C7438A}"/>
              </a:ext>
            </a:extLst>
          </p:cNvPr>
          <p:cNvSpPr/>
          <p:nvPr/>
        </p:nvSpPr>
        <p:spPr>
          <a:xfrm>
            <a:off x="2541588" y="927100"/>
            <a:ext cx="754062" cy="809625"/>
          </a:xfrm>
          <a:prstGeom prst="bent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solidFill>
                <a:schemeClr val="tx1"/>
              </a:solidFill>
            </a:endParaRPr>
          </a:p>
        </p:txBody>
      </p:sp>
      <p:sp>
        <p:nvSpPr>
          <p:cNvPr id="25" name="下矢印 24">
            <a:extLst>
              <a:ext uri="{FF2B5EF4-FFF2-40B4-BE49-F238E27FC236}">
                <a16:creationId xmlns:a16="http://schemas.microsoft.com/office/drawing/2014/main" id="{4AABD279-5BEB-F98C-9315-4A5352E76CCE}"/>
              </a:ext>
            </a:extLst>
          </p:cNvPr>
          <p:cNvSpPr/>
          <p:nvPr/>
        </p:nvSpPr>
        <p:spPr>
          <a:xfrm rot="20148663">
            <a:off x="4778150" y="2991352"/>
            <a:ext cx="503238" cy="1404456"/>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26" name="下矢印 25">
            <a:extLst>
              <a:ext uri="{FF2B5EF4-FFF2-40B4-BE49-F238E27FC236}">
                <a16:creationId xmlns:a16="http://schemas.microsoft.com/office/drawing/2014/main" id="{C8C83764-7890-B4C1-AA0C-17C75D62A8D3}"/>
              </a:ext>
            </a:extLst>
          </p:cNvPr>
          <p:cNvSpPr/>
          <p:nvPr/>
        </p:nvSpPr>
        <p:spPr>
          <a:xfrm rot="17602344">
            <a:off x="4135240" y="3766353"/>
            <a:ext cx="503237" cy="982662"/>
          </a:xfrm>
          <a:prstGeom prst="downArrow">
            <a:avLst>
              <a:gd name="adj1" fmla="val 48030"/>
              <a:gd name="adj2" fmla="val 50000"/>
            </a:avLst>
          </a:prstGeom>
          <a:solidFill>
            <a:schemeClr val="bg1">
              <a:lumMod val="50000"/>
            </a:schemeClr>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20503" name="テキスト ボックス 26">
            <a:extLst>
              <a:ext uri="{FF2B5EF4-FFF2-40B4-BE49-F238E27FC236}">
                <a16:creationId xmlns:a16="http://schemas.microsoft.com/office/drawing/2014/main" id="{1D967DED-D71F-3050-58D1-4CFE5C28038B}"/>
              </a:ext>
            </a:extLst>
          </p:cNvPr>
          <p:cNvSpPr txBox="1">
            <a:spLocks noChangeArrowheads="1"/>
          </p:cNvSpPr>
          <p:nvPr/>
        </p:nvSpPr>
        <p:spPr bwMode="auto">
          <a:xfrm>
            <a:off x="127000" y="2496850"/>
            <a:ext cx="1668463"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dirty="0">
                <a:latin typeface="Arial" panose="020B0604020202020204" pitchFamily="34" charset="0"/>
              </a:rPr>
              <a:t>・モニタリング</a:t>
            </a:r>
            <a:endParaRPr lang="en-US" altLang="ja-JP" sz="1600" b="1" dirty="0">
              <a:latin typeface="Arial" panose="020B0604020202020204" pitchFamily="34" charset="0"/>
            </a:endParaRPr>
          </a:p>
          <a:p>
            <a:pPr eaLnBrk="1" hangingPunct="1">
              <a:spcBef>
                <a:spcPct val="0"/>
              </a:spcBef>
              <a:buFontTx/>
              <a:buNone/>
            </a:pPr>
            <a:r>
              <a:rPr lang="ja-JP" altLang="en-US" sz="1600" b="1" dirty="0">
                <a:latin typeface="Arial" panose="020B0604020202020204" pitchFamily="34" charset="0"/>
              </a:rPr>
              <a:t>・損傷の再進行　</a:t>
            </a:r>
            <a:endParaRPr lang="en-US" altLang="ja-JP" sz="1600" b="1" dirty="0">
              <a:latin typeface="Arial" panose="020B0604020202020204" pitchFamily="34" charset="0"/>
            </a:endParaRPr>
          </a:p>
          <a:p>
            <a:pPr eaLnBrk="1" hangingPunct="1">
              <a:spcBef>
                <a:spcPct val="0"/>
              </a:spcBef>
              <a:buFontTx/>
              <a:buNone/>
            </a:pPr>
            <a:r>
              <a:rPr lang="ja-JP" altLang="en-US" sz="1600" b="1" dirty="0">
                <a:latin typeface="Arial" panose="020B0604020202020204" pitchFamily="34" charset="0"/>
              </a:rPr>
              <a:t>　　等</a:t>
            </a:r>
            <a:endParaRPr lang="ja-JP" altLang="en-US" sz="1600" dirty="0">
              <a:latin typeface="Arial" panose="020B0604020202020204" pitchFamily="34" charset="0"/>
            </a:endParaRPr>
          </a:p>
        </p:txBody>
      </p:sp>
      <p:sp>
        <p:nvSpPr>
          <p:cNvPr id="20504" name="テキスト ボックス 17">
            <a:extLst>
              <a:ext uri="{FF2B5EF4-FFF2-40B4-BE49-F238E27FC236}">
                <a16:creationId xmlns:a16="http://schemas.microsoft.com/office/drawing/2014/main" id="{51A8C698-4183-8FA9-DD7B-BE1A161664CA}"/>
              </a:ext>
            </a:extLst>
          </p:cNvPr>
          <p:cNvSpPr txBox="1">
            <a:spLocks noChangeArrowheads="1"/>
          </p:cNvSpPr>
          <p:nvPr/>
        </p:nvSpPr>
        <p:spPr bwMode="auto">
          <a:xfrm>
            <a:off x="6046788" y="4967288"/>
            <a:ext cx="3041217"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dirty="0">
                <a:latin typeface="Arial" panose="020B0604020202020204" pitchFamily="34" charset="0"/>
              </a:rPr>
              <a:t>・更新は必ず発生する</a:t>
            </a:r>
            <a:endParaRPr lang="en-US" altLang="ja-JP" sz="1600" b="1" dirty="0">
              <a:latin typeface="Arial" panose="020B0604020202020204" pitchFamily="34" charset="0"/>
            </a:endParaRPr>
          </a:p>
          <a:p>
            <a:pPr eaLnBrk="1" hangingPunct="1">
              <a:spcBef>
                <a:spcPct val="0"/>
              </a:spcBef>
              <a:buFontTx/>
              <a:buNone/>
            </a:pPr>
            <a:r>
              <a:rPr lang="ja-JP" altLang="en-US" sz="1600" b="1" dirty="0">
                <a:latin typeface="Arial" panose="020B0604020202020204" pitchFamily="34" charset="0"/>
              </a:rPr>
              <a:t>・いつ更新すべきか考えている？</a:t>
            </a:r>
            <a:endParaRPr lang="ja-JP" altLang="en-US" sz="1600" dirty="0">
              <a:latin typeface="Arial" panose="020B0604020202020204" pitchFamily="34" charset="0"/>
            </a:endParaRPr>
          </a:p>
        </p:txBody>
      </p:sp>
      <p:sp>
        <p:nvSpPr>
          <p:cNvPr id="27" name="角丸四角形 26">
            <a:extLst>
              <a:ext uri="{FF2B5EF4-FFF2-40B4-BE49-F238E27FC236}">
                <a16:creationId xmlns:a16="http://schemas.microsoft.com/office/drawing/2014/main" id="{44D04C42-53D4-391A-2651-965E99746F0B}"/>
              </a:ext>
            </a:extLst>
          </p:cNvPr>
          <p:cNvSpPr/>
          <p:nvPr/>
        </p:nvSpPr>
        <p:spPr>
          <a:xfrm>
            <a:off x="585788" y="5949950"/>
            <a:ext cx="8370887" cy="722313"/>
          </a:xfrm>
          <a:prstGeom prst="roundRect">
            <a:avLst/>
          </a:prstGeom>
          <a:solidFill>
            <a:srgbClr val="FFFF99"/>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sz="2400" b="1" dirty="0">
                <a:solidFill>
                  <a:schemeClr val="tx1"/>
                </a:solidFill>
              </a:rPr>
              <a:t>マネジメントサイクルの段階で</a:t>
            </a:r>
            <a:endParaRPr lang="en-US" altLang="ja-JP" sz="2400" b="1" dirty="0">
              <a:solidFill>
                <a:schemeClr val="tx1"/>
              </a:solidFill>
            </a:endParaRPr>
          </a:p>
          <a:p>
            <a:pPr algn="ctr" eaLnBrk="1" fontAlgn="auto" hangingPunct="1">
              <a:spcBef>
                <a:spcPts val="0"/>
              </a:spcBef>
              <a:spcAft>
                <a:spcPts val="0"/>
              </a:spcAft>
              <a:defRPr/>
            </a:pPr>
            <a:r>
              <a:rPr lang="ja-JP" altLang="en-US" sz="2400" b="1" dirty="0">
                <a:solidFill>
                  <a:schemeClr val="tx1"/>
                </a:solidFill>
              </a:rPr>
              <a:t>様々な課題がある</a:t>
            </a:r>
          </a:p>
        </p:txBody>
      </p:sp>
    </p:spTree>
  </p:cSld>
  <p:clrMapOvr>
    <a:masterClrMapping/>
  </p:clrMapOvr>
  <p:transition spd="slow"/>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7106" name="Picture 2" descr="http://pds2.exblog.jp/pds/1/201212/03/14/e0171614_10195137.jpg">
            <a:extLst>
              <a:ext uri="{FF2B5EF4-FFF2-40B4-BE49-F238E27FC236}">
                <a16:creationId xmlns:a16="http://schemas.microsoft.com/office/drawing/2014/main" id="{73296A70-2CC3-8308-785F-35F21BF0F88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40896" y="384133"/>
            <a:ext cx="8462207" cy="6415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7107" name="スライド番号プレースホルダー 1">
            <a:extLst>
              <a:ext uri="{FF2B5EF4-FFF2-40B4-BE49-F238E27FC236}">
                <a16:creationId xmlns:a16="http://schemas.microsoft.com/office/drawing/2014/main" id="{88D483CF-96E3-1D92-96BF-20FCFA38103A}"/>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524D6086-4216-46E6-9993-AC744036D821}" type="slidenum">
              <a:rPr kumimoji="0" lang="ja-JP" altLang="en-US" sz="1400">
                <a:latin typeface="Tahoma" panose="020B0604030504040204" pitchFamily="34" charset="0"/>
              </a:rPr>
              <a:pPr>
                <a:spcBef>
                  <a:spcPct val="0"/>
                </a:spcBef>
                <a:buFontTx/>
                <a:buNone/>
              </a:pPr>
              <a:t>4</a:t>
            </a:fld>
            <a:endParaRPr kumimoji="0" lang="ja-JP" altLang="en-US" sz="1400">
              <a:latin typeface="Tahoma" panose="020B0604030504040204" pitchFamily="34" charset="0"/>
            </a:endParaRPr>
          </a:p>
        </p:txBody>
      </p:sp>
      <p:sp>
        <p:nvSpPr>
          <p:cNvPr id="7" name="Rectangle 2">
            <a:extLst>
              <a:ext uri="{FF2B5EF4-FFF2-40B4-BE49-F238E27FC236}">
                <a16:creationId xmlns:a16="http://schemas.microsoft.com/office/drawing/2014/main" id="{F251A27F-A19C-A67B-E04E-948A86AD11D3}"/>
              </a:ext>
            </a:extLst>
          </p:cNvPr>
          <p:cNvSpPr txBox="1">
            <a:spLocks noChangeArrowheads="1"/>
          </p:cNvSpPr>
          <p:nvPr/>
        </p:nvSpPr>
        <p:spPr>
          <a:xfrm>
            <a:off x="-46037" y="-3175"/>
            <a:ext cx="9144001" cy="830263"/>
          </a:xfrm>
          <a:prstGeom prst="rect">
            <a:avLst/>
          </a:prstGeom>
          <a:solidFill>
            <a:schemeClr val="bg1">
              <a:lumMod val="85000"/>
            </a:schemeClr>
          </a:solidFill>
        </p:spPr>
        <p:txBody>
          <a:bodyPr/>
          <a:lst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5pPr>
            <a:lvl6pPr marL="457200" algn="ctr" rtl="0" fontAlgn="base">
              <a:spcBef>
                <a:spcPct val="0"/>
              </a:spcBef>
              <a:spcAft>
                <a:spcPct val="0"/>
              </a:spcAft>
              <a:defRPr kumimoji="1" sz="4400">
                <a:solidFill>
                  <a:schemeClr val="tx1"/>
                </a:solidFill>
                <a:latin typeface="Calibri" pitchFamily="34" charset="0"/>
                <a:ea typeface="ＭＳ Ｐゴシック" pitchFamily="50" charset="-128"/>
              </a:defRPr>
            </a:lvl6pPr>
            <a:lvl7pPr marL="914400" algn="ctr" rtl="0" fontAlgn="base">
              <a:spcBef>
                <a:spcPct val="0"/>
              </a:spcBef>
              <a:spcAft>
                <a:spcPct val="0"/>
              </a:spcAft>
              <a:defRPr kumimoji="1" sz="4400">
                <a:solidFill>
                  <a:schemeClr val="tx1"/>
                </a:solidFill>
                <a:latin typeface="Calibri" pitchFamily="34" charset="0"/>
                <a:ea typeface="ＭＳ Ｐゴシック" pitchFamily="50"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pitchFamily="50"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pitchFamily="50" charset="-128"/>
              </a:defRPr>
            </a:lvl9pPr>
          </a:lstStyle>
          <a:p>
            <a:pPr eaLnBrk="1" hangingPunct="1">
              <a:defRPr/>
            </a:pPr>
            <a:r>
              <a:rPr lang="ja-JP" altLang="en-US" sz="3600" b="1" dirty="0">
                <a:latin typeface="HG丸ｺﾞｼｯｸM-PRO" panose="020F0600000000000000" pitchFamily="50" charset="-128"/>
                <a:ea typeface="HG丸ｺﾞｼｯｸM-PRO" panose="020F0600000000000000" pitchFamily="50" charset="-128"/>
              </a:rPr>
              <a:t>全てはここから始まった</a:t>
            </a:r>
          </a:p>
        </p:txBody>
      </p:sp>
      <p:sp>
        <p:nvSpPr>
          <p:cNvPr id="2" name="爆発: 14 pt 1">
            <a:extLst>
              <a:ext uri="{FF2B5EF4-FFF2-40B4-BE49-F238E27FC236}">
                <a16:creationId xmlns:a16="http://schemas.microsoft.com/office/drawing/2014/main" id="{EB5CB9E8-3CFB-DD68-CCF3-70EB686F96B5}"/>
              </a:ext>
            </a:extLst>
          </p:cNvPr>
          <p:cNvSpPr/>
          <p:nvPr/>
        </p:nvSpPr>
        <p:spPr>
          <a:xfrm>
            <a:off x="-46038" y="2905760"/>
            <a:ext cx="6050597" cy="3815716"/>
          </a:xfrm>
          <a:prstGeom prst="irregularSeal2">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800" dirty="0">
                <a:solidFill>
                  <a:schemeClr val="tx1"/>
                </a:solidFill>
              </a:rPr>
              <a:t>10</a:t>
            </a:r>
            <a:r>
              <a:rPr lang="ja-JP" altLang="en-US" sz="2800" dirty="0">
                <a:solidFill>
                  <a:schemeClr val="tx1"/>
                </a:solidFill>
              </a:rPr>
              <a:t>年前</a:t>
            </a:r>
            <a:r>
              <a:rPr lang="en-US" altLang="ja-JP" sz="2800" dirty="0">
                <a:solidFill>
                  <a:schemeClr val="tx1"/>
                </a:solidFill>
              </a:rPr>
              <a:t>…</a:t>
            </a:r>
          </a:p>
          <a:p>
            <a:pPr algn="ctr"/>
            <a:r>
              <a:rPr lang="ja-JP" altLang="en-US" sz="2800" dirty="0">
                <a:solidFill>
                  <a:schemeClr val="tx1"/>
                </a:solidFill>
              </a:rPr>
              <a:t>事故の本質が見抜けなければ、何も変わらない</a:t>
            </a:r>
          </a:p>
        </p:txBody>
      </p:sp>
    </p:spTree>
    <p:extLst>
      <p:ext uri="{BB962C8B-B14F-4D97-AF65-F5344CB8AC3E}">
        <p14:creationId xmlns:p14="http://schemas.microsoft.com/office/powerpoint/2010/main" val="3086266854"/>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 name="グループ化 15"/>
          <p:cNvGrpSpPr/>
          <p:nvPr/>
        </p:nvGrpSpPr>
        <p:grpSpPr>
          <a:xfrm>
            <a:off x="2631042" y="1720807"/>
            <a:ext cx="3850644" cy="4228209"/>
            <a:chOff x="1932908" y="3754874"/>
            <a:chExt cx="2510233" cy="1132591"/>
          </a:xfrm>
          <a:effectLst>
            <a:outerShdw blurRad="50800" dist="38100" dir="2700000" algn="tl" rotWithShape="0">
              <a:prstClr val="black">
                <a:alpha val="40000"/>
              </a:prstClr>
            </a:outerShdw>
          </a:effectLst>
        </p:grpSpPr>
        <p:sp>
          <p:nvSpPr>
            <p:cNvPr id="11" name="円/楕円 10"/>
            <p:cNvSpPr/>
            <p:nvPr/>
          </p:nvSpPr>
          <p:spPr>
            <a:xfrm rot="420000">
              <a:off x="2275604" y="4153763"/>
              <a:ext cx="1805663" cy="415662"/>
            </a:xfrm>
            <a:custGeom>
              <a:avLst/>
              <a:gdLst>
                <a:gd name="connsiteX0" fmla="*/ 0 w 1800000"/>
                <a:gd name="connsiteY0" fmla="*/ 90000 h 180000"/>
                <a:gd name="connsiteX1" fmla="*/ 900000 w 1800000"/>
                <a:gd name="connsiteY1" fmla="*/ 0 h 180000"/>
                <a:gd name="connsiteX2" fmla="*/ 1800000 w 1800000"/>
                <a:gd name="connsiteY2" fmla="*/ 90000 h 180000"/>
                <a:gd name="connsiteX3" fmla="*/ 900000 w 1800000"/>
                <a:gd name="connsiteY3" fmla="*/ 180000 h 180000"/>
                <a:gd name="connsiteX4" fmla="*/ 0 w 1800000"/>
                <a:gd name="connsiteY4" fmla="*/ 90000 h 180000"/>
                <a:gd name="connsiteX0" fmla="*/ 900000 w 1800000"/>
                <a:gd name="connsiteY0" fmla="*/ 0 h 180000"/>
                <a:gd name="connsiteX1" fmla="*/ 1800000 w 1800000"/>
                <a:gd name="connsiteY1" fmla="*/ 90000 h 180000"/>
                <a:gd name="connsiteX2" fmla="*/ 900000 w 1800000"/>
                <a:gd name="connsiteY2" fmla="*/ 180000 h 180000"/>
                <a:gd name="connsiteX3" fmla="*/ 0 w 1800000"/>
                <a:gd name="connsiteY3" fmla="*/ 90000 h 180000"/>
                <a:gd name="connsiteX4" fmla="*/ 991440 w 1800000"/>
                <a:gd name="connsiteY4" fmla="*/ 91440 h 180000"/>
                <a:gd name="connsiteX0" fmla="*/ 900000 w 1800000"/>
                <a:gd name="connsiteY0" fmla="*/ 0 h 180000"/>
                <a:gd name="connsiteX1" fmla="*/ 1800000 w 1800000"/>
                <a:gd name="connsiteY1" fmla="*/ 90000 h 180000"/>
                <a:gd name="connsiteX2" fmla="*/ 900000 w 1800000"/>
                <a:gd name="connsiteY2" fmla="*/ 180000 h 180000"/>
                <a:gd name="connsiteX3" fmla="*/ 0 w 1800000"/>
                <a:gd name="connsiteY3" fmla="*/ 90000 h 180000"/>
                <a:gd name="connsiteX4" fmla="*/ 991440 w 1800000"/>
                <a:gd name="connsiteY4" fmla="*/ 91440 h 180000"/>
                <a:gd name="connsiteX0" fmla="*/ 900000 w 1800000"/>
                <a:gd name="connsiteY0" fmla="*/ 0 h 180000"/>
                <a:gd name="connsiteX1" fmla="*/ 1800000 w 1800000"/>
                <a:gd name="connsiteY1" fmla="*/ 90000 h 180000"/>
                <a:gd name="connsiteX2" fmla="*/ 900000 w 1800000"/>
                <a:gd name="connsiteY2" fmla="*/ 180000 h 180000"/>
                <a:gd name="connsiteX3" fmla="*/ 0 w 1800000"/>
                <a:gd name="connsiteY3" fmla="*/ 90000 h 180000"/>
                <a:gd name="connsiteX4" fmla="*/ 991440 w 1800000"/>
                <a:gd name="connsiteY4" fmla="*/ 91440 h 180000"/>
                <a:gd name="connsiteX0" fmla="*/ 868201 w 1800000"/>
                <a:gd name="connsiteY0" fmla="*/ 0 h 360829"/>
                <a:gd name="connsiteX1" fmla="*/ 1800000 w 1800000"/>
                <a:gd name="connsiteY1" fmla="*/ 270829 h 360829"/>
                <a:gd name="connsiteX2" fmla="*/ 900000 w 1800000"/>
                <a:gd name="connsiteY2" fmla="*/ 360829 h 360829"/>
                <a:gd name="connsiteX3" fmla="*/ 0 w 1800000"/>
                <a:gd name="connsiteY3" fmla="*/ 270829 h 360829"/>
                <a:gd name="connsiteX4" fmla="*/ 991440 w 1800000"/>
                <a:gd name="connsiteY4" fmla="*/ 272269 h 360829"/>
                <a:gd name="connsiteX0" fmla="*/ 868201 w 1800000"/>
                <a:gd name="connsiteY0" fmla="*/ 14 h 360843"/>
                <a:gd name="connsiteX1" fmla="*/ 1800000 w 1800000"/>
                <a:gd name="connsiteY1" fmla="*/ 270843 h 360843"/>
                <a:gd name="connsiteX2" fmla="*/ 900000 w 1800000"/>
                <a:gd name="connsiteY2" fmla="*/ 360843 h 360843"/>
                <a:gd name="connsiteX3" fmla="*/ 0 w 1800000"/>
                <a:gd name="connsiteY3" fmla="*/ 270843 h 360843"/>
                <a:gd name="connsiteX4" fmla="*/ 991440 w 1800000"/>
                <a:gd name="connsiteY4" fmla="*/ 272283 h 360843"/>
                <a:gd name="connsiteX0" fmla="*/ 861526 w 1800000"/>
                <a:gd name="connsiteY0" fmla="*/ 12 h 415202"/>
                <a:gd name="connsiteX1" fmla="*/ 1800000 w 1800000"/>
                <a:gd name="connsiteY1" fmla="*/ 325202 h 415202"/>
                <a:gd name="connsiteX2" fmla="*/ 900000 w 1800000"/>
                <a:gd name="connsiteY2" fmla="*/ 415202 h 415202"/>
                <a:gd name="connsiteX3" fmla="*/ 0 w 1800000"/>
                <a:gd name="connsiteY3" fmla="*/ 325202 h 415202"/>
                <a:gd name="connsiteX4" fmla="*/ 991440 w 1800000"/>
                <a:gd name="connsiteY4" fmla="*/ 326642 h 415202"/>
                <a:gd name="connsiteX0" fmla="*/ 861526 w 1800000"/>
                <a:gd name="connsiteY0" fmla="*/ 0 h 415190"/>
                <a:gd name="connsiteX1" fmla="*/ 1800000 w 1800000"/>
                <a:gd name="connsiteY1" fmla="*/ 325190 h 415190"/>
                <a:gd name="connsiteX2" fmla="*/ 900000 w 1800000"/>
                <a:gd name="connsiteY2" fmla="*/ 415190 h 415190"/>
                <a:gd name="connsiteX3" fmla="*/ 0 w 1800000"/>
                <a:gd name="connsiteY3" fmla="*/ 325190 h 415190"/>
                <a:gd name="connsiteX4" fmla="*/ 991440 w 1800000"/>
                <a:gd name="connsiteY4" fmla="*/ 326630 h 415190"/>
                <a:gd name="connsiteX0" fmla="*/ 861526 w 1802421"/>
                <a:gd name="connsiteY0" fmla="*/ 0 h 415190"/>
                <a:gd name="connsiteX1" fmla="*/ 1800000 w 1802421"/>
                <a:gd name="connsiteY1" fmla="*/ 325190 h 415190"/>
                <a:gd name="connsiteX2" fmla="*/ 900000 w 1802421"/>
                <a:gd name="connsiteY2" fmla="*/ 415190 h 415190"/>
                <a:gd name="connsiteX3" fmla="*/ 0 w 1802421"/>
                <a:gd name="connsiteY3" fmla="*/ 325190 h 415190"/>
                <a:gd name="connsiteX4" fmla="*/ 991440 w 1802421"/>
                <a:gd name="connsiteY4" fmla="*/ 326630 h 415190"/>
                <a:gd name="connsiteX0" fmla="*/ 861526 w 1802421"/>
                <a:gd name="connsiteY0" fmla="*/ 0 h 415190"/>
                <a:gd name="connsiteX1" fmla="*/ 1800000 w 1802421"/>
                <a:gd name="connsiteY1" fmla="*/ 325190 h 415190"/>
                <a:gd name="connsiteX2" fmla="*/ 900000 w 1802421"/>
                <a:gd name="connsiteY2" fmla="*/ 415190 h 415190"/>
                <a:gd name="connsiteX3" fmla="*/ 0 w 1802421"/>
                <a:gd name="connsiteY3" fmla="*/ 325190 h 415190"/>
                <a:gd name="connsiteX4" fmla="*/ 991440 w 1802421"/>
                <a:gd name="connsiteY4" fmla="*/ 326630 h 415190"/>
                <a:gd name="connsiteX0" fmla="*/ 861526 w 1805041"/>
                <a:gd name="connsiteY0" fmla="*/ 0 h 415190"/>
                <a:gd name="connsiteX1" fmla="*/ 1800000 w 1805041"/>
                <a:gd name="connsiteY1" fmla="*/ 325190 h 415190"/>
                <a:gd name="connsiteX2" fmla="*/ 900000 w 1805041"/>
                <a:gd name="connsiteY2" fmla="*/ 415190 h 415190"/>
                <a:gd name="connsiteX3" fmla="*/ 0 w 1805041"/>
                <a:gd name="connsiteY3" fmla="*/ 325190 h 415190"/>
                <a:gd name="connsiteX4" fmla="*/ 991440 w 1805041"/>
                <a:gd name="connsiteY4" fmla="*/ 326630 h 415190"/>
                <a:gd name="connsiteX0" fmla="*/ 862148 w 1805663"/>
                <a:gd name="connsiteY0" fmla="*/ 0 h 415662"/>
                <a:gd name="connsiteX1" fmla="*/ 1800622 w 1805663"/>
                <a:gd name="connsiteY1" fmla="*/ 325190 h 415662"/>
                <a:gd name="connsiteX2" fmla="*/ 900622 w 1805663"/>
                <a:gd name="connsiteY2" fmla="*/ 415190 h 415662"/>
                <a:gd name="connsiteX3" fmla="*/ 0 w 1805663"/>
                <a:gd name="connsiteY3" fmla="*/ 296114 h 415662"/>
                <a:gd name="connsiteX4" fmla="*/ 992062 w 1805663"/>
                <a:gd name="connsiteY4" fmla="*/ 326630 h 41566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805663" h="415662">
                  <a:moveTo>
                    <a:pt x="862148" y="0"/>
                  </a:moveTo>
                  <a:cubicBezTo>
                    <a:pt x="1569207" y="99243"/>
                    <a:pt x="1847561" y="240932"/>
                    <a:pt x="1800622" y="325190"/>
                  </a:cubicBezTo>
                  <a:cubicBezTo>
                    <a:pt x="1764373" y="387404"/>
                    <a:pt x="1200726" y="420036"/>
                    <a:pt x="900622" y="415190"/>
                  </a:cubicBezTo>
                  <a:cubicBezTo>
                    <a:pt x="600518" y="410344"/>
                    <a:pt x="0" y="345820"/>
                    <a:pt x="0" y="296114"/>
                  </a:cubicBezTo>
                  <a:cubicBezTo>
                    <a:pt x="0" y="246408"/>
                    <a:pt x="403316" y="213628"/>
                    <a:pt x="992062" y="326630"/>
                  </a:cubicBezTo>
                </a:path>
              </a:pathLst>
            </a:custGeom>
            <a:noFill/>
            <a:ln w="76200">
              <a:solidFill>
                <a:srgbClr val="FF3300">
                  <a:alpha val="85098"/>
                </a:srgbClr>
              </a:solidFill>
              <a:headEnd type="non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円/楕円 11"/>
            <p:cNvSpPr/>
            <p:nvPr/>
          </p:nvSpPr>
          <p:spPr>
            <a:xfrm rot="420000">
              <a:off x="1932908" y="3754874"/>
              <a:ext cx="2510233" cy="494802"/>
            </a:xfrm>
            <a:custGeom>
              <a:avLst/>
              <a:gdLst>
                <a:gd name="connsiteX0" fmla="*/ 0 w 2520000"/>
                <a:gd name="connsiteY0" fmla="*/ 90000 h 180000"/>
                <a:gd name="connsiteX1" fmla="*/ 1260000 w 2520000"/>
                <a:gd name="connsiteY1" fmla="*/ 0 h 180000"/>
                <a:gd name="connsiteX2" fmla="*/ 2520000 w 2520000"/>
                <a:gd name="connsiteY2" fmla="*/ 90000 h 180000"/>
                <a:gd name="connsiteX3" fmla="*/ 1260000 w 2520000"/>
                <a:gd name="connsiteY3" fmla="*/ 180000 h 180000"/>
                <a:gd name="connsiteX4" fmla="*/ 0 w 2520000"/>
                <a:gd name="connsiteY4" fmla="*/ 90000 h 180000"/>
                <a:gd name="connsiteX0" fmla="*/ 1260000 w 2520000"/>
                <a:gd name="connsiteY0" fmla="*/ 0 h 180000"/>
                <a:gd name="connsiteX1" fmla="*/ 2520000 w 2520000"/>
                <a:gd name="connsiteY1" fmla="*/ 90000 h 180000"/>
                <a:gd name="connsiteX2" fmla="*/ 1260000 w 2520000"/>
                <a:gd name="connsiteY2" fmla="*/ 180000 h 180000"/>
                <a:gd name="connsiteX3" fmla="*/ 0 w 2520000"/>
                <a:gd name="connsiteY3" fmla="*/ 90000 h 180000"/>
                <a:gd name="connsiteX4" fmla="*/ 1351440 w 2520000"/>
                <a:gd name="connsiteY4" fmla="*/ 91440 h 180000"/>
                <a:gd name="connsiteX0" fmla="*/ 1260000 w 2520000"/>
                <a:gd name="connsiteY0" fmla="*/ 0 h 180000"/>
                <a:gd name="connsiteX1" fmla="*/ 2520000 w 2520000"/>
                <a:gd name="connsiteY1" fmla="*/ 90000 h 180000"/>
                <a:gd name="connsiteX2" fmla="*/ 1260000 w 2520000"/>
                <a:gd name="connsiteY2" fmla="*/ 180000 h 180000"/>
                <a:gd name="connsiteX3" fmla="*/ 0 w 2520000"/>
                <a:gd name="connsiteY3" fmla="*/ 90000 h 180000"/>
                <a:gd name="connsiteX4" fmla="*/ 1351440 w 2520000"/>
                <a:gd name="connsiteY4" fmla="*/ 91440 h 180000"/>
                <a:gd name="connsiteX0" fmla="*/ 1204446 w 2520000"/>
                <a:gd name="connsiteY0" fmla="*/ 0 h 573834"/>
                <a:gd name="connsiteX1" fmla="*/ 2520000 w 2520000"/>
                <a:gd name="connsiteY1" fmla="*/ 483834 h 573834"/>
                <a:gd name="connsiteX2" fmla="*/ 1260000 w 2520000"/>
                <a:gd name="connsiteY2" fmla="*/ 573834 h 573834"/>
                <a:gd name="connsiteX3" fmla="*/ 0 w 2520000"/>
                <a:gd name="connsiteY3" fmla="*/ 483834 h 573834"/>
                <a:gd name="connsiteX4" fmla="*/ 1351440 w 2520000"/>
                <a:gd name="connsiteY4" fmla="*/ 485274 h 573834"/>
                <a:gd name="connsiteX0" fmla="*/ 1204446 w 2520000"/>
                <a:gd name="connsiteY0" fmla="*/ 0 h 573834"/>
                <a:gd name="connsiteX1" fmla="*/ 2520000 w 2520000"/>
                <a:gd name="connsiteY1" fmla="*/ 483834 h 573834"/>
                <a:gd name="connsiteX2" fmla="*/ 1260000 w 2520000"/>
                <a:gd name="connsiteY2" fmla="*/ 573834 h 573834"/>
                <a:gd name="connsiteX3" fmla="*/ 0 w 2520000"/>
                <a:gd name="connsiteY3" fmla="*/ 483834 h 573834"/>
                <a:gd name="connsiteX4" fmla="*/ 1351440 w 2520000"/>
                <a:gd name="connsiteY4" fmla="*/ 485274 h 573834"/>
                <a:gd name="connsiteX0" fmla="*/ 1204446 w 2522973"/>
                <a:gd name="connsiteY0" fmla="*/ 0 h 573834"/>
                <a:gd name="connsiteX1" fmla="*/ 2520000 w 2522973"/>
                <a:gd name="connsiteY1" fmla="*/ 483834 h 573834"/>
                <a:gd name="connsiteX2" fmla="*/ 1260000 w 2522973"/>
                <a:gd name="connsiteY2" fmla="*/ 573834 h 573834"/>
                <a:gd name="connsiteX3" fmla="*/ 0 w 2522973"/>
                <a:gd name="connsiteY3" fmla="*/ 483834 h 573834"/>
                <a:gd name="connsiteX4" fmla="*/ 1351440 w 2522973"/>
                <a:gd name="connsiteY4" fmla="*/ 485274 h 573834"/>
                <a:gd name="connsiteX0" fmla="*/ 1204446 w 2522973"/>
                <a:gd name="connsiteY0" fmla="*/ 0 h 573834"/>
                <a:gd name="connsiteX1" fmla="*/ 2520000 w 2522973"/>
                <a:gd name="connsiteY1" fmla="*/ 483834 h 573834"/>
                <a:gd name="connsiteX2" fmla="*/ 1260000 w 2522973"/>
                <a:gd name="connsiteY2" fmla="*/ 573834 h 573834"/>
                <a:gd name="connsiteX3" fmla="*/ 0 w 2522973"/>
                <a:gd name="connsiteY3" fmla="*/ 483834 h 573834"/>
                <a:gd name="connsiteX4" fmla="*/ 1351440 w 2522973"/>
                <a:gd name="connsiteY4" fmla="*/ 485274 h 573834"/>
                <a:gd name="connsiteX0" fmla="*/ 1204446 w 2526217"/>
                <a:gd name="connsiteY0" fmla="*/ 0 h 573834"/>
                <a:gd name="connsiteX1" fmla="*/ 2520000 w 2526217"/>
                <a:gd name="connsiteY1" fmla="*/ 483834 h 573834"/>
                <a:gd name="connsiteX2" fmla="*/ 1260000 w 2526217"/>
                <a:gd name="connsiteY2" fmla="*/ 573834 h 573834"/>
                <a:gd name="connsiteX3" fmla="*/ 0 w 2526217"/>
                <a:gd name="connsiteY3" fmla="*/ 483834 h 573834"/>
                <a:gd name="connsiteX4" fmla="*/ 1351440 w 2526217"/>
                <a:gd name="connsiteY4" fmla="*/ 485274 h 573834"/>
                <a:gd name="connsiteX0" fmla="*/ 1187940 w 2509711"/>
                <a:gd name="connsiteY0" fmla="*/ 0 h 576192"/>
                <a:gd name="connsiteX1" fmla="*/ 2503494 w 2509711"/>
                <a:gd name="connsiteY1" fmla="*/ 483834 h 576192"/>
                <a:gd name="connsiteX2" fmla="*/ 1243494 w 2509711"/>
                <a:gd name="connsiteY2" fmla="*/ 573834 h 576192"/>
                <a:gd name="connsiteX3" fmla="*/ 0 w 2509711"/>
                <a:gd name="connsiteY3" fmla="*/ 424508 h 576192"/>
                <a:gd name="connsiteX4" fmla="*/ 1334934 w 2509711"/>
                <a:gd name="connsiteY4" fmla="*/ 485274 h 576192"/>
                <a:gd name="connsiteX0" fmla="*/ 1248198 w 2510233"/>
                <a:gd name="connsiteY0" fmla="*/ 0 h 494802"/>
                <a:gd name="connsiteX1" fmla="*/ 2503494 w 2510233"/>
                <a:gd name="connsiteY1" fmla="*/ 402444 h 494802"/>
                <a:gd name="connsiteX2" fmla="*/ 1243494 w 2510233"/>
                <a:gd name="connsiteY2" fmla="*/ 492444 h 494802"/>
                <a:gd name="connsiteX3" fmla="*/ 0 w 2510233"/>
                <a:gd name="connsiteY3" fmla="*/ 343118 h 494802"/>
                <a:gd name="connsiteX4" fmla="*/ 1334934 w 2510233"/>
                <a:gd name="connsiteY4" fmla="*/ 403884 h 49480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510233" h="494802">
                  <a:moveTo>
                    <a:pt x="1248198" y="0"/>
                  </a:moveTo>
                  <a:cubicBezTo>
                    <a:pt x="1946521" y="98066"/>
                    <a:pt x="2583011" y="295452"/>
                    <a:pt x="2503494" y="402444"/>
                  </a:cubicBezTo>
                  <a:cubicBezTo>
                    <a:pt x="2431230" y="482767"/>
                    <a:pt x="1660743" y="502332"/>
                    <a:pt x="1243494" y="492444"/>
                  </a:cubicBezTo>
                  <a:cubicBezTo>
                    <a:pt x="826245" y="482556"/>
                    <a:pt x="0" y="392824"/>
                    <a:pt x="0" y="343118"/>
                  </a:cubicBezTo>
                  <a:cubicBezTo>
                    <a:pt x="0" y="293412"/>
                    <a:pt x="555950" y="282633"/>
                    <a:pt x="1334934" y="403884"/>
                  </a:cubicBezTo>
                </a:path>
              </a:pathLst>
            </a:custGeom>
            <a:noFill/>
            <a:ln w="76200">
              <a:solidFill>
                <a:srgbClr val="FF3300"/>
              </a:solidFill>
              <a:headEnd type="triangle" w="med" len="med"/>
              <a:tailEnd type="none"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4" name="円/楕円 13"/>
            <p:cNvSpPr/>
            <p:nvPr/>
          </p:nvSpPr>
          <p:spPr>
            <a:xfrm rot="420000">
              <a:off x="2612006" y="4467855"/>
              <a:ext cx="1082005" cy="326827"/>
            </a:xfrm>
            <a:custGeom>
              <a:avLst/>
              <a:gdLst>
                <a:gd name="connsiteX0" fmla="*/ 0 w 1080000"/>
                <a:gd name="connsiteY0" fmla="*/ 90000 h 180000"/>
                <a:gd name="connsiteX1" fmla="*/ 540000 w 1080000"/>
                <a:gd name="connsiteY1" fmla="*/ 0 h 180000"/>
                <a:gd name="connsiteX2" fmla="*/ 1080000 w 1080000"/>
                <a:gd name="connsiteY2" fmla="*/ 90000 h 180000"/>
                <a:gd name="connsiteX3" fmla="*/ 540000 w 1080000"/>
                <a:gd name="connsiteY3" fmla="*/ 180000 h 180000"/>
                <a:gd name="connsiteX4" fmla="*/ 0 w 1080000"/>
                <a:gd name="connsiteY4" fmla="*/ 90000 h 180000"/>
                <a:gd name="connsiteX0" fmla="*/ 540000 w 1080000"/>
                <a:gd name="connsiteY0" fmla="*/ 0 h 180000"/>
                <a:gd name="connsiteX1" fmla="*/ 1080000 w 1080000"/>
                <a:gd name="connsiteY1" fmla="*/ 90000 h 180000"/>
                <a:gd name="connsiteX2" fmla="*/ 540000 w 1080000"/>
                <a:gd name="connsiteY2" fmla="*/ 180000 h 180000"/>
                <a:gd name="connsiteX3" fmla="*/ 0 w 1080000"/>
                <a:gd name="connsiteY3" fmla="*/ 90000 h 180000"/>
                <a:gd name="connsiteX4" fmla="*/ 631440 w 1080000"/>
                <a:gd name="connsiteY4" fmla="*/ 91440 h 180000"/>
                <a:gd name="connsiteX0" fmla="*/ 524371 w 1080000"/>
                <a:gd name="connsiteY0" fmla="*/ 0 h 326827"/>
                <a:gd name="connsiteX1" fmla="*/ 1080000 w 1080000"/>
                <a:gd name="connsiteY1" fmla="*/ 236827 h 326827"/>
                <a:gd name="connsiteX2" fmla="*/ 540000 w 1080000"/>
                <a:gd name="connsiteY2" fmla="*/ 326827 h 326827"/>
                <a:gd name="connsiteX3" fmla="*/ 0 w 1080000"/>
                <a:gd name="connsiteY3" fmla="*/ 236827 h 326827"/>
                <a:gd name="connsiteX4" fmla="*/ 631440 w 1080000"/>
                <a:gd name="connsiteY4" fmla="*/ 238267 h 326827"/>
                <a:gd name="connsiteX0" fmla="*/ 524371 w 1080000"/>
                <a:gd name="connsiteY0" fmla="*/ 0 h 326827"/>
                <a:gd name="connsiteX1" fmla="*/ 1080000 w 1080000"/>
                <a:gd name="connsiteY1" fmla="*/ 236827 h 326827"/>
                <a:gd name="connsiteX2" fmla="*/ 540000 w 1080000"/>
                <a:gd name="connsiteY2" fmla="*/ 326827 h 326827"/>
                <a:gd name="connsiteX3" fmla="*/ 0 w 1080000"/>
                <a:gd name="connsiteY3" fmla="*/ 236827 h 326827"/>
                <a:gd name="connsiteX4" fmla="*/ 631440 w 1080000"/>
                <a:gd name="connsiteY4" fmla="*/ 238267 h 326827"/>
                <a:gd name="connsiteX0" fmla="*/ 524371 w 1080969"/>
                <a:gd name="connsiteY0" fmla="*/ 0 h 326827"/>
                <a:gd name="connsiteX1" fmla="*/ 1080000 w 1080969"/>
                <a:gd name="connsiteY1" fmla="*/ 236827 h 326827"/>
                <a:gd name="connsiteX2" fmla="*/ 540000 w 1080969"/>
                <a:gd name="connsiteY2" fmla="*/ 326827 h 326827"/>
                <a:gd name="connsiteX3" fmla="*/ 0 w 1080969"/>
                <a:gd name="connsiteY3" fmla="*/ 236827 h 326827"/>
                <a:gd name="connsiteX4" fmla="*/ 631440 w 1080969"/>
                <a:gd name="connsiteY4" fmla="*/ 238267 h 326827"/>
                <a:gd name="connsiteX0" fmla="*/ 524371 w 1080969"/>
                <a:gd name="connsiteY0" fmla="*/ 0 h 326827"/>
                <a:gd name="connsiteX1" fmla="*/ 1080000 w 1080969"/>
                <a:gd name="connsiteY1" fmla="*/ 236827 h 326827"/>
                <a:gd name="connsiteX2" fmla="*/ 540000 w 1080969"/>
                <a:gd name="connsiteY2" fmla="*/ 326827 h 326827"/>
                <a:gd name="connsiteX3" fmla="*/ 0 w 1080969"/>
                <a:gd name="connsiteY3" fmla="*/ 236827 h 326827"/>
                <a:gd name="connsiteX4" fmla="*/ 631440 w 1080969"/>
                <a:gd name="connsiteY4" fmla="*/ 238267 h 326827"/>
                <a:gd name="connsiteX0" fmla="*/ 524371 w 1080969"/>
                <a:gd name="connsiteY0" fmla="*/ 0 h 326827"/>
                <a:gd name="connsiteX1" fmla="*/ 1080000 w 1080969"/>
                <a:gd name="connsiteY1" fmla="*/ 236827 h 326827"/>
                <a:gd name="connsiteX2" fmla="*/ 540000 w 1080969"/>
                <a:gd name="connsiteY2" fmla="*/ 326827 h 326827"/>
                <a:gd name="connsiteX3" fmla="*/ 0 w 1080969"/>
                <a:gd name="connsiteY3" fmla="*/ 236827 h 326827"/>
                <a:gd name="connsiteX4" fmla="*/ 631440 w 1080969"/>
                <a:gd name="connsiteY4" fmla="*/ 238267 h 326827"/>
                <a:gd name="connsiteX0" fmla="*/ 524371 w 1082005"/>
                <a:gd name="connsiteY0" fmla="*/ 0 h 326827"/>
                <a:gd name="connsiteX1" fmla="*/ 1080000 w 1082005"/>
                <a:gd name="connsiteY1" fmla="*/ 236827 h 326827"/>
                <a:gd name="connsiteX2" fmla="*/ 540000 w 1082005"/>
                <a:gd name="connsiteY2" fmla="*/ 326827 h 326827"/>
                <a:gd name="connsiteX3" fmla="*/ 0 w 1082005"/>
                <a:gd name="connsiteY3" fmla="*/ 236827 h 326827"/>
                <a:gd name="connsiteX4" fmla="*/ 631440 w 1082005"/>
                <a:gd name="connsiteY4" fmla="*/ 238267 h 32682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082005" h="326827">
                  <a:moveTo>
                    <a:pt x="524371" y="0"/>
                  </a:moveTo>
                  <a:cubicBezTo>
                    <a:pt x="983403" y="79210"/>
                    <a:pt x="1099350" y="162353"/>
                    <a:pt x="1080000" y="236827"/>
                  </a:cubicBezTo>
                  <a:cubicBezTo>
                    <a:pt x="1053564" y="300919"/>
                    <a:pt x="838234" y="326827"/>
                    <a:pt x="540000" y="326827"/>
                  </a:cubicBezTo>
                  <a:cubicBezTo>
                    <a:pt x="241766" y="326827"/>
                    <a:pt x="0" y="286533"/>
                    <a:pt x="0" y="236827"/>
                  </a:cubicBezTo>
                  <a:cubicBezTo>
                    <a:pt x="0" y="187121"/>
                    <a:pt x="241766" y="146827"/>
                    <a:pt x="631440" y="238267"/>
                  </a:cubicBezTo>
                </a:path>
              </a:pathLst>
            </a:custGeom>
            <a:noFill/>
            <a:ln w="76200">
              <a:solidFill>
                <a:srgbClr val="FF3300">
                  <a:alpha val="69804"/>
                </a:srgbClr>
              </a:solidFill>
              <a:headEnd type="non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rot="420000">
              <a:off x="3164303" y="4715455"/>
              <a:ext cx="270000" cy="172010"/>
            </a:xfrm>
            <a:custGeom>
              <a:avLst/>
              <a:gdLst>
                <a:gd name="connsiteX0" fmla="*/ 0 w 540000"/>
                <a:gd name="connsiteY0" fmla="*/ 54000 h 108000"/>
                <a:gd name="connsiteX1" fmla="*/ 270000 w 540000"/>
                <a:gd name="connsiteY1" fmla="*/ 0 h 108000"/>
                <a:gd name="connsiteX2" fmla="*/ 540000 w 540000"/>
                <a:gd name="connsiteY2" fmla="*/ 54000 h 108000"/>
                <a:gd name="connsiteX3" fmla="*/ 270000 w 540000"/>
                <a:gd name="connsiteY3" fmla="*/ 108000 h 108000"/>
                <a:gd name="connsiteX4" fmla="*/ 0 w 540000"/>
                <a:gd name="connsiteY4" fmla="*/ 54000 h 108000"/>
                <a:gd name="connsiteX0" fmla="*/ 270000 w 540000"/>
                <a:gd name="connsiteY0" fmla="*/ 0 h 108000"/>
                <a:gd name="connsiteX1" fmla="*/ 540000 w 540000"/>
                <a:gd name="connsiteY1" fmla="*/ 54000 h 108000"/>
                <a:gd name="connsiteX2" fmla="*/ 270000 w 540000"/>
                <a:gd name="connsiteY2" fmla="*/ 108000 h 108000"/>
                <a:gd name="connsiteX3" fmla="*/ 0 w 540000"/>
                <a:gd name="connsiteY3" fmla="*/ 54000 h 108000"/>
                <a:gd name="connsiteX4" fmla="*/ 361440 w 540000"/>
                <a:gd name="connsiteY4" fmla="*/ 91440 h 108000"/>
                <a:gd name="connsiteX0" fmla="*/ 270000 w 540005"/>
                <a:gd name="connsiteY0" fmla="*/ 56762 h 164762"/>
                <a:gd name="connsiteX1" fmla="*/ 264063 w 540005"/>
                <a:gd name="connsiteY1" fmla="*/ 856 h 164762"/>
                <a:gd name="connsiteX2" fmla="*/ 540000 w 540005"/>
                <a:gd name="connsiteY2" fmla="*/ 110762 h 164762"/>
                <a:gd name="connsiteX3" fmla="*/ 270000 w 540005"/>
                <a:gd name="connsiteY3" fmla="*/ 164762 h 164762"/>
                <a:gd name="connsiteX4" fmla="*/ 0 w 540005"/>
                <a:gd name="connsiteY4" fmla="*/ 110762 h 164762"/>
                <a:gd name="connsiteX5" fmla="*/ 361440 w 540005"/>
                <a:gd name="connsiteY5" fmla="*/ 148202 h 164762"/>
                <a:gd name="connsiteX0" fmla="*/ 264063 w 540005"/>
                <a:gd name="connsiteY0" fmla="*/ 0 h 163906"/>
                <a:gd name="connsiteX1" fmla="*/ 540000 w 540005"/>
                <a:gd name="connsiteY1" fmla="*/ 109906 h 163906"/>
                <a:gd name="connsiteX2" fmla="*/ 270000 w 540005"/>
                <a:gd name="connsiteY2" fmla="*/ 163906 h 163906"/>
                <a:gd name="connsiteX3" fmla="*/ 0 w 540005"/>
                <a:gd name="connsiteY3" fmla="*/ 109906 h 163906"/>
                <a:gd name="connsiteX4" fmla="*/ 361440 w 540005"/>
                <a:gd name="connsiteY4" fmla="*/ 147346 h 163906"/>
                <a:gd name="connsiteX0" fmla="*/ 264063 w 540239"/>
                <a:gd name="connsiteY0" fmla="*/ 0 h 163906"/>
                <a:gd name="connsiteX1" fmla="*/ 540000 w 540239"/>
                <a:gd name="connsiteY1" fmla="*/ 109906 h 163906"/>
                <a:gd name="connsiteX2" fmla="*/ 270000 w 540239"/>
                <a:gd name="connsiteY2" fmla="*/ 163906 h 163906"/>
                <a:gd name="connsiteX3" fmla="*/ 0 w 540239"/>
                <a:gd name="connsiteY3" fmla="*/ 109906 h 163906"/>
                <a:gd name="connsiteX4" fmla="*/ 361440 w 540239"/>
                <a:gd name="connsiteY4" fmla="*/ 147346 h 163906"/>
                <a:gd name="connsiteX0" fmla="*/ 257014 w 540232"/>
                <a:gd name="connsiteY0" fmla="*/ 0 h 182233"/>
                <a:gd name="connsiteX1" fmla="*/ 540000 w 540232"/>
                <a:gd name="connsiteY1" fmla="*/ 128233 h 182233"/>
                <a:gd name="connsiteX2" fmla="*/ 270000 w 540232"/>
                <a:gd name="connsiteY2" fmla="*/ 182233 h 182233"/>
                <a:gd name="connsiteX3" fmla="*/ 0 w 540232"/>
                <a:gd name="connsiteY3" fmla="*/ 128233 h 182233"/>
                <a:gd name="connsiteX4" fmla="*/ 361440 w 540232"/>
                <a:gd name="connsiteY4" fmla="*/ 165673 h 182233"/>
                <a:gd name="connsiteX0" fmla="*/ 257014 w 540232"/>
                <a:gd name="connsiteY0" fmla="*/ 0 h 182233"/>
                <a:gd name="connsiteX1" fmla="*/ 540000 w 540232"/>
                <a:gd name="connsiteY1" fmla="*/ 128233 h 182233"/>
                <a:gd name="connsiteX2" fmla="*/ 270000 w 540232"/>
                <a:gd name="connsiteY2" fmla="*/ 182233 h 182233"/>
                <a:gd name="connsiteX3" fmla="*/ 0 w 540232"/>
                <a:gd name="connsiteY3" fmla="*/ 128233 h 182233"/>
                <a:gd name="connsiteX0" fmla="*/ 257014 w 540000"/>
                <a:gd name="connsiteY0" fmla="*/ 0 h 182233"/>
                <a:gd name="connsiteX1" fmla="*/ 540000 w 540000"/>
                <a:gd name="connsiteY1" fmla="*/ 128233 h 182233"/>
                <a:gd name="connsiteX2" fmla="*/ 270000 w 540000"/>
                <a:gd name="connsiteY2" fmla="*/ 182233 h 182233"/>
                <a:gd name="connsiteX3" fmla="*/ 0 w 540000"/>
                <a:gd name="connsiteY3" fmla="*/ 128233 h 182233"/>
                <a:gd name="connsiteX0" fmla="*/ 257014 w 540000"/>
                <a:gd name="connsiteY0" fmla="*/ 0 h 182233"/>
                <a:gd name="connsiteX1" fmla="*/ 540000 w 540000"/>
                <a:gd name="connsiteY1" fmla="*/ 128233 h 182233"/>
                <a:gd name="connsiteX2" fmla="*/ 270000 w 540000"/>
                <a:gd name="connsiteY2" fmla="*/ 182233 h 182233"/>
                <a:gd name="connsiteX3" fmla="*/ 0 w 540000"/>
                <a:gd name="connsiteY3" fmla="*/ 128233 h 182233"/>
                <a:gd name="connsiteX0" fmla="*/ 257014 w 540000"/>
                <a:gd name="connsiteY0" fmla="*/ 0 h 182233"/>
                <a:gd name="connsiteX1" fmla="*/ 540000 w 540000"/>
                <a:gd name="connsiteY1" fmla="*/ 128233 h 182233"/>
                <a:gd name="connsiteX2" fmla="*/ 270000 w 540000"/>
                <a:gd name="connsiteY2" fmla="*/ 182233 h 182233"/>
                <a:gd name="connsiteX3" fmla="*/ 0 w 540000"/>
                <a:gd name="connsiteY3" fmla="*/ 128233 h 182233"/>
                <a:gd name="connsiteX0" fmla="*/ 0 w 282986"/>
                <a:gd name="connsiteY0" fmla="*/ 0 h 182233"/>
                <a:gd name="connsiteX1" fmla="*/ 282986 w 282986"/>
                <a:gd name="connsiteY1" fmla="*/ 128233 h 182233"/>
                <a:gd name="connsiteX2" fmla="*/ 12986 w 282986"/>
                <a:gd name="connsiteY2" fmla="*/ 182233 h 182233"/>
                <a:gd name="connsiteX0" fmla="*/ 40481 w 270000"/>
                <a:gd name="connsiteY0" fmla="*/ 0 h 167234"/>
                <a:gd name="connsiteX1" fmla="*/ 270000 w 270000"/>
                <a:gd name="connsiteY1" fmla="*/ 113234 h 167234"/>
                <a:gd name="connsiteX2" fmla="*/ 0 w 270000"/>
                <a:gd name="connsiteY2" fmla="*/ 167234 h 167234"/>
                <a:gd name="connsiteX0" fmla="*/ 42427 w 270000"/>
                <a:gd name="connsiteY0" fmla="*/ 0 h 172418"/>
                <a:gd name="connsiteX1" fmla="*/ 270000 w 270000"/>
                <a:gd name="connsiteY1" fmla="*/ 118418 h 172418"/>
                <a:gd name="connsiteX2" fmla="*/ 0 w 270000"/>
                <a:gd name="connsiteY2" fmla="*/ 172418 h 172418"/>
                <a:gd name="connsiteX0" fmla="*/ 43940 w 270000"/>
                <a:gd name="connsiteY0" fmla="*/ 0 h 165778"/>
                <a:gd name="connsiteX1" fmla="*/ 270000 w 270000"/>
                <a:gd name="connsiteY1" fmla="*/ 111778 h 165778"/>
                <a:gd name="connsiteX2" fmla="*/ 0 w 270000"/>
                <a:gd name="connsiteY2" fmla="*/ 165778 h 165778"/>
                <a:gd name="connsiteX0" fmla="*/ 36264 w 270000"/>
                <a:gd name="connsiteY0" fmla="*/ 0 h 172010"/>
                <a:gd name="connsiteX1" fmla="*/ 270000 w 270000"/>
                <a:gd name="connsiteY1" fmla="*/ 118010 h 172010"/>
                <a:gd name="connsiteX2" fmla="*/ 0 w 270000"/>
                <a:gd name="connsiteY2" fmla="*/ 172010 h 172010"/>
                <a:gd name="connsiteX0" fmla="*/ 36264 w 270000"/>
                <a:gd name="connsiteY0" fmla="*/ 0 h 172010"/>
                <a:gd name="connsiteX1" fmla="*/ 270000 w 270000"/>
                <a:gd name="connsiteY1" fmla="*/ 118010 h 172010"/>
                <a:gd name="connsiteX2" fmla="*/ 0 w 270000"/>
                <a:gd name="connsiteY2" fmla="*/ 172010 h 172010"/>
              </a:gdLst>
              <a:ahLst/>
              <a:cxnLst>
                <a:cxn ang="0">
                  <a:pos x="connsiteX0" y="connsiteY0"/>
                </a:cxn>
                <a:cxn ang="0">
                  <a:pos x="connsiteX1" y="connsiteY1"/>
                </a:cxn>
                <a:cxn ang="0">
                  <a:pos x="connsiteX2" y="connsiteY2"/>
                </a:cxn>
              </a:cxnLst>
              <a:rect l="l" t="t" r="r" b="b"/>
              <a:pathLst>
                <a:path w="270000" h="172010">
                  <a:moveTo>
                    <a:pt x="36264" y="0"/>
                  </a:moveTo>
                  <a:cubicBezTo>
                    <a:pt x="114728" y="18582"/>
                    <a:pt x="267696" y="42953"/>
                    <a:pt x="270000" y="118010"/>
                  </a:cubicBezTo>
                  <a:cubicBezTo>
                    <a:pt x="269917" y="155313"/>
                    <a:pt x="149117" y="172010"/>
                    <a:pt x="0" y="172010"/>
                  </a:cubicBezTo>
                </a:path>
              </a:pathLst>
            </a:custGeom>
            <a:noFill/>
            <a:ln w="76200">
              <a:solidFill>
                <a:srgbClr val="FF3300">
                  <a:alpha val="50196"/>
                </a:srgbClr>
              </a:solidFill>
              <a:headEnd type="non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 name="スライド番号プレースホルダー 3"/>
          <p:cNvSpPr>
            <a:spLocks noGrp="1"/>
          </p:cNvSpPr>
          <p:nvPr>
            <p:ph type="sldNum" sz="quarter" idx="11"/>
          </p:nvPr>
        </p:nvSpPr>
        <p:spPr/>
        <p:txBody>
          <a:bodyPr/>
          <a:lstStyle/>
          <a:p>
            <a:fld id="{7D5A2C38-BF5A-4117-A3B3-4E986D472ED9}" type="slidenum">
              <a:rPr kumimoji="1" lang="ja-JP" altLang="en-US" smtClean="0"/>
              <a:t>40</a:t>
            </a:fld>
            <a:endParaRPr kumimoji="1" lang="ja-JP" altLang="en-US" dirty="0"/>
          </a:p>
        </p:txBody>
      </p:sp>
      <p:sp>
        <p:nvSpPr>
          <p:cNvPr id="45" name="Rectangle 8"/>
          <p:cNvSpPr>
            <a:spLocks noChangeArrowheads="1"/>
          </p:cNvSpPr>
          <p:nvPr/>
        </p:nvSpPr>
        <p:spPr bwMode="auto">
          <a:xfrm>
            <a:off x="228600" y="782483"/>
            <a:ext cx="8798437" cy="6407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r>
              <a:rPr lang="ja-JP" altLang="en-US" dirty="0">
                <a:solidFill>
                  <a:srgbClr val="FF0000"/>
                </a:solidFill>
                <a:ea typeface="HGPｺﾞｼｯｸE" pitchFamily="50" charset="-128"/>
              </a:rPr>
              <a:t>インフラマネジメント</a:t>
            </a:r>
            <a:r>
              <a:rPr kumimoji="1" lang="ja-JP" altLang="en-US" b="1" dirty="0">
                <a:solidFill>
                  <a:srgbClr val="FF0000"/>
                </a:solidFill>
                <a:latin typeface="HGｺﾞｼｯｸM" panose="020B0609000000000000" pitchFamily="49" charset="-128"/>
                <a:ea typeface="HGｺﾞｼｯｸM" panose="020B0609000000000000" pitchFamily="49" charset="-128"/>
              </a:rPr>
              <a:t>は固定ではない常に変化し進化する</a:t>
            </a:r>
            <a:endParaRPr lang="ja-JP" altLang="en-US" dirty="0">
              <a:solidFill>
                <a:srgbClr val="FF0000"/>
              </a:solidFill>
              <a:ea typeface="HGPｺﾞｼｯｸE" pitchFamily="50" charset="-128"/>
            </a:endParaRPr>
          </a:p>
        </p:txBody>
      </p:sp>
      <p:sp>
        <p:nvSpPr>
          <p:cNvPr id="48" name="正方形/長方形 47"/>
          <p:cNvSpPr/>
          <p:nvPr/>
        </p:nvSpPr>
        <p:spPr>
          <a:xfrm>
            <a:off x="-14041" y="5368828"/>
            <a:ext cx="2520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業務レベルの設定</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セカンドオピニオン</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sp>
        <p:nvSpPr>
          <p:cNvPr id="49" name="正方形/長方形 48"/>
          <p:cNvSpPr/>
          <p:nvPr/>
        </p:nvSpPr>
        <p:spPr>
          <a:xfrm>
            <a:off x="149775" y="3373825"/>
            <a:ext cx="1656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橋梁維持管理システムの構築</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en-US" altLang="ja-JP" sz="1200" b="1" dirty="0">
                <a:solidFill>
                  <a:schemeClr val="tx1"/>
                </a:solidFill>
                <a:latin typeface="HGｺﾞｼｯｸM" panose="020B0609000000000000" pitchFamily="49" charset="-128"/>
                <a:ea typeface="HGｺﾞｼｯｸM" panose="020B0609000000000000" pitchFamily="49" charset="-128"/>
              </a:rPr>
              <a:t>BIM</a:t>
            </a:r>
            <a:r>
              <a:rPr lang="ja-JP" altLang="en-US" sz="1200" b="1" dirty="0">
                <a:solidFill>
                  <a:schemeClr val="tx1"/>
                </a:solidFill>
                <a:latin typeface="HGｺﾞｼｯｸM" panose="020B0609000000000000" pitchFamily="49" charset="-128"/>
                <a:ea typeface="HGｺﾞｼｯｸM" panose="020B0609000000000000" pitchFamily="49" charset="-128"/>
              </a:rPr>
              <a:t>の導入</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p:txBody>
      </p:sp>
      <p:sp>
        <p:nvSpPr>
          <p:cNvPr id="50" name="正方形/長方形 49"/>
          <p:cNvSpPr/>
          <p:nvPr/>
        </p:nvSpPr>
        <p:spPr>
          <a:xfrm>
            <a:off x="149388" y="1812610"/>
            <a:ext cx="1872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フィールド提供</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モニタリング技術等の検証・導入</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p:txBody>
      </p:sp>
      <p:sp>
        <p:nvSpPr>
          <p:cNvPr id="52" name="正方形/長方形 51"/>
          <p:cNvSpPr/>
          <p:nvPr/>
        </p:nvSpPr>
        <p:spPr>
          <a:xfrm>
            <a:off x="6507037" y="2709739"/>
            <a:ext cx="2520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研究協力の推進</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包括的民間委託などの新たなしくみの導入</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p:txBody>
      </p:sp>
      <p:grpSp>
        <p:nvGrpSpPr>
          <p:cNvPr id="36" name="グループ化 35"/>
          <p:cNvGrpSpPr/>
          <p:nvPr/>
        </p:nvGrpSpPr>
        <p:grpSpPr>
          <a:xfrm>
            <a:off x="1569959" y="5244481"/>
            <a:ext cx="1872000" cy="1630591"/>
            <a:chOff x="4382504" y="734390"/>
            <a:chExt cx="1080000" cy="1080000"/>
          </a:xfrm>
        </p:grpSpPr>
        <p:sp>
          <p:nvSpPr>
            <p:cNvPr id="35" name="円/楕円 34"/>
            <p:cNvSpPr/>
            <p:nvPr/>
          </p:nvSpPr>
          <p:spPr>
            <a:xfrm>
              <a:off x="4472504" y="824390"/>
              <a:ext cx="900000" cy="900000"/>
            </a:xfrm>
            <a:prstGeom prst="ellipse">
              <a:avLst/>
            </a:prstGeom>
            <a:gradFill flip="none" rotWithShape="1">
              <a:gsLst>
                <a:gs pos="0">
                  <a:srgbClr val="99CC00">
                    <a:tint val="66000"/>
                    <a:satMod val="160000"/>
                  </a:srgbClr>
                </a:gs>
                <a:gs pos="50000">
                  <a:srgbClr val="99CC00">
                    <a:tint val="44500"/>
                    <a:satMod val="160000"/>
                  </a:srgbClr>
                </a:gs>
                <a:gs pos="100000">
                  <a:srgbClr val="99CC00">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18" name="正方形/長方形 17"/>
            <p:cNvSpPr/>
            <p:nvPr/>
          </p:nvSpPr>
          <p:spPr>
            <a:xfrm>
              <a:off x="4382504" y="734390"/>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chemeClr val="tx1"/>
                  </a:solidFill>
                  <a:latin typeface="HGｺﾞｼｯｸM" panose="020B0609000000000000" pitchFamily="49" charset="-128"/>
                  <a:ea typeface="HGｺﾞｼｯｸM" panose="020B0609000000000000" pitchFamily="49" charset="-128"/>
                </a:rPr>
                <a:t>精度の高い</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点検・診断</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の実施</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34" name="グループ化 33"/>
          <p:cNvGrpSpPr/>
          <p:nvPr/>
        </p:nvGrpSpPr>
        <p:grpSpPr>
          <a:xfrm>
            <a:off x="5959775" y="4371736"/>
            <a:ext cx="1523246" cy="1529873"/>
            <a:chOff x="5999739" y="1201560"/>
            <a:chExt cx="1080000" cy="1080000"/>
          </a:xfrm>
        </p:grpSpPr>
        <p:sp>
          <p:nvSpPr>
            <p:cNvPr id="33" name="円/楕円 32"/>
            <p:cNvSpPr/>
            <p:nvPr/>
          </p:nvSpPr>
          <p:spPr>
            <a:xfrm>
              <a:off x="6089739" y="1291560"/>
              <a:ext cx="900000" cy="900000"/>
            </a:xfrm>
            <a:prstGeom prst="ellipse">
              <a:avLst/>
            </a:prstGeom>
            <a:gradFill flip="none" rotWithShape="1">
              <a:gsLst>
                <a:gs pos="0">
                  <a:srgbClr val="99CC00">
                    <a:tint val="66000"/>
                    <a:satMod val="160000"/>
                  </a:srgbClr>
                </a:gs>
                <a:gs pos="50000">
                  <a:srgbClr val="99CC00">
                    <a:tint val="44500"/>
                    <a:satMod val="160000"/>
                  </a:srgbClr>
                </a:gs>
                <a:gs pos="100000">
                  <a:srgbClr val="99CC00">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0" name="正方形/長方形 19"/>
            <p:cNvSpPr/>
            <p:nvPr/>
          </p:nvSpPr>
          <p:spPr>
            <a:xfrm>
              <a:off x="5999739" y="1201560"/>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chemeClr val="tx1"/>
                  </a:solidFill>
                  <a:latin typeface="HGｺﾞｼｯｸM" panose="020B0609000000000000" pitchFamily="49" charset="-128"/>
                  <a:ea typeface="HGｺﾞｼｯｸM" panose="020B0609000000000000" pitchFamily="49" charset="-128"/>
                </a:rPr>
                <a:t>戦略的な</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更新の推進</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40" name="グループ化 39"/>
          <p:cNvGrpSpPr/>
          <p:nvPr/>
        </p:nvGrpSpPr>
        <p:grpSpPr>
          <a:xfrm>
            <a:off x="3001614" y="5005219"/>
            <a:ext cx="1818288" cy="1656557"/>
            <a:chOff x="2034785" y="3490844"/>
            <a:chExt cx="1080000" cy="1080000"/>
          </a:xfrm>
        </p:grpSpPr>
        <p:sp>
          <p:nvSpPr>
            <p:cNvPr id="39" name="円/楕円 38"/>
            <p:cNvSpPr/>
            <p:nvPr/>
          </p:nvSpPr>
          <p:spPr>
            <a:xfrm>
              <a:off x="2124785" y="3580844"/>
              <a:ext cx="900000" cy="900000"/>
            </a:xfrm>
            <a:prstGeom prst="ellipse">
              <a:avLst/>
            </a:prstGeom>
            <a:gradFill flip="none" rotWithShape="1">
              <a:gsLst>
                <a:gs pos="0">
                  <a:schemeClr val="accent4">
                    <a:lumMod val="60000"/>
                    <a:lumOff val="40000"/>
                    <a:tint val="66000"/>
                    <a:satMod val="160000"/>
                  </a:schemeClr>
                </a:gs>
                <a:gs pos="50000">
                  <a:schemeClr val="accent4">
                    <a:lumMod val="60000"/>
                    <a:lumOff val="40000"/>
                    <a:tint val="44500"/>
                    <a:satMod val="160000"/>
                  </a:schemeClr>
                </a:gs>
                <a:gs pos="100000">
                  <a:schemeClr val="accent4">
                    <a:lumMod val="60000"/>
                    <a:lumOff val="40000"/>
                    <a:tint val="23500"/>
                    <a:satMod val="160000"/>
                  </a:scheme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4" name="正方形/長方形 23"/>
            <p:cNvSpPr/>
            <p:nvPr/>
          </p:nvSpPr>
          <p:spPr>
            <a:xfrm>
              <a:off x="2034785" y="3490844"/>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chemeClr val="tx1"/>
                  </a:solidFill>
                  <a:latin typeface="HGｺﾞｼｯｸM" panose="020B0609000000000000" pitchFamily="49" charset="-128"/>
                  <a:ea typeface="HGｺﾞｼｯｸM" panose="020B0609000000000000" pitchFamily="49" charset="-128"/>
                </a:rPr>
                <a:t>実態と</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合致した</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計画策定</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38" name="グループ化 37"/>
          <p:cNvGrpSpPr/>
          <p:nvPr/>
        </p:nvGrpSpPr>
        <p:grpSpPr>
          <a:xfrm>
            <a:off x="5076741" y="1403055"/>
            <a:ext cx="1729234" cy="1446753"/>
            <a:chOff x="681379" y="2934326"/>
            <a:chExt cx="1080000" cy="1080000"/>
          </a:xfrm>
        </p:grpSpPr>
        <p:sp>
          <p:nvSpPr>
            <p:cNvPr id="37" name="円/楕円 36"/>
            <p:cNvSpPr/>
            <p:nvPr/>
          </p:nvSpPr>
          <p:spPr>
            <a:xfrm>
              <a:off x="704586" y="3085010"/>
              <a:ext cx="900000" cy="900000"/>
            </a:xfrm>
            <a:prstGeom prst="ellipse">
              <a:avLst/>
            </a:prstGeom>
            <a:gradFill flip="none" rotWithShape="1">
              <a:gsLst>
                <a:gs pos="0">
                  <a:schemeClr val="accent2">
                    <a:lumMod val="60000"/>
                    <a:lumOff val="40000"/>
                    <a:tint val="66000"/>
                    <a:satMod val="160000"/>
                  </a:schemeClr>
                </a:gs>
                <a:gs pos="50000">
                  <a:schemeClr val="accent2">
                    <a:lumMod val="60000"/>
                    <a:lumOff val="40000"/>
                    <a:tint val="44500"/>
                    <a:satMod val="160000"/>
                  </a:schemeClr>
                </a:gs>
                <a:gs pos="100000">
                  <a:schemeClr val="accent2">
                    <a:lumMod val="60000"/>
                    <a:lumOff val="40000"/>
                    <a:tint val="23500"/>
                    <a:satMod val="160000"/>
                  </a:scheme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5" name="正方形/長方形 24"/>
            <p:cNvSpPr/>
            <p:nvPr/>
          </p:nvSpPr>
          <p:spPr>
            <a:xfrm>
              <a:off x="681379" y="2934326"/>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rgbClr val="000066"/>
                  </a:solidFill>
                  <a:latin typeface="HGｺﾞｼｯｸM" panose="020B0609000000000000" pitchFamily="49" charset="-128"/>
                  <a:ea typeface="HGｺﾞｼｯｸM" panose="020B0609000000000000" pitchFamily="49" charset="-128"/>
                </a:rPr>
                <a:t>情報の</a:t>
              </a:r>
              <a:endParaRPr lang="en-US" altLang="ja-JP" sz="2000" b="1" dirty="0">
                <a:solidFill>
                  <a:srgbClr val="000066"/>
                </a:solidFill>
                <a:latin typeface="HGｺﾞｼｯｸM" panose="020B0609000000000000" pitchFamily="49" charset="-128"/>
                <a:ea typeface="HGｺﾞｼｯｸM" panose="020B0609000000000000" pitchFamily="49" charset="-128"/>
              </a:endParaRPr>
            </a:p>
            <a:p>
              <a:pPr algn="ctr"/>
              <a:r>
                <a:rPr lang="ja-JP" altLang="en-US" sz="2000" b="1" dirty="0">
                  <a:solidFill>
                    <a:srgbClr val="000066"/>
                  </a:solidFill>
                  <a:latin typeface="HGｺﾞｼｯｸM" panose="020B0609000000000000" pitchFamily="49" charset="-128"/>
                  <a:ea typeface="HGｺﾞｼｯｸM" panose="020B0609000000000000" pitchFamily="49" charset="-128"/>
                </a:rPr>
                <a:t>発信と</a:t>
              </a:r>
              <a:endParaRPr lang="en-US" altLang="ja-JP" sz="2000" b="1" dirty="0">
                <a:solidFill>
                  <a:srgbClr val="000066"/>
                </a:solidFill>
                <a:latin typeface="HGｺﾞｼｯｸM" panose="020B0609000000000000" pitchFamily="49" charset="-128"/>
                <a:ea typeface="HGｺﾞｼｯｸM" panose="020B0609000000000000" pitchFamily="49" charset="-128"/>
              </a:endParaRPr>
            </a:p>
            <a:p>
              <a:pPr algn="ctr"/>
              <a:r>
                <a:rPr lang="ja-JP" altLang="en-US" sz="2000" b="1" dirty="0">
                  <a:solidFill>
                    <a:srgbClr val="000066"/>
                  </a:solidFill>
                  <a:latin typeface="HGｺﾞｼｯｸM" panose="020B0609000000000000" pitchFamily="49" charset="-128"/>
                  <a:ea typeface="HGｺﾞｼｯｸM" panose="020B0609000000000000" pitchFamily="49" charset="-128"/>
                </a:rPr>
                <a:t>理解醸成</a:t>
              </a:r>
              <a:endParaRPr lang="en-US" altLang="ja-JP" sz="2000" b="1" dirty="0">
                <a:solidFill>
                  <a:srgbClr val="000066"/>
                </a:solidFill>
                <a:latin typeface="HGｺﾞｼｯｸM" panose="020B0609000000000000" pitchFamily="49" charset="-128"/>
                <a:ea typeface="HGｺﾞｼｯｸM" panose="020B0609000000000000" pitchFamily="49" charset="-128"/>
              </a:endParaRPr>
            </a:p>
          </p:txBody>
        </p:sp>
      </p:grpSp>
      <p:grpSp>
        <p:nvGrpSpPr>
          <p:cNvPr id="30" name="グループ化 29"/>
          <p:cNvGrpSpPr/>
          <p:nvPr/>
        </p:nvGrpSpPr>
        <p:grpSpPr>
          <a:xfrm>
            <a:off x="3549169" y="3505200"/>
            <a:ext cx="1984985" cy="1631615"/>
            <a:chOff x="2548978" y="5102129"/>
            <a:chExt cx="1080000" cy="1080000"/>
          </a:xfrm>
        </p:grpSpPr>
        <p:sp>
          <p:nvSpPr>
            <p:cNvPr id="29" name="円/楕円 28"/>
            <p:cNvSpPr/>
            <p:nvPr/>
          </p:nvSpPr>
          <p:spPr>
            <a:xfrm>
              <a:off x="2638978" y="5192129"/>
              <a:ext cx="900000" cy="900000"/>
            </a:xfrm>
            <a:prstGeom prst="ellipse">
              <a:avLst/>
            </a:prstGeom>
            <a:solidFill>
              <a:srgbClr val="FF0000"/>
            </a:solidFill>
            <a:ln w="3175">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dirty="0"/>
            </a:p>
          </p:txBody>
        </p:sp>
        <p:sp>
          <p:nvSpPr>
            <p:cNvPr id="17" name="正方形/長方形 16"/>
            <p:cNvSpPr/>
            <p:nvPr/>
          </p:nvSpPr>
          <p:spPr>
            <a:xfrm>
              <a:off x="2548978" y="5102129"/>
              <a:ext cx="1080000" cy="1080000"/>
            </a:xfrm>
            <a:prstGeom prst="rect">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chemeClr val="tx1"/>
                  </a:solidFill>
                  <a:latin typeface="HGｺﾞｼｯｸM" panose="020B0609000000000000" pitchFamily="49" charset="-128"/>
                  <a:ea typeface="HGｺﾞｼｯｸM" panose="020B0609000000000000" pitchFamily="49" charset="-128"/>
                </a:rPr>
                <a:t>数のﾘｽｸ</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多すぎれば少なくする努力</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42" name="グループ化 41"/>
          <p:cNvGrpSpPr/>
          <p:nvPr/>
        </p:nvGrpSpPr>
        <p:grpSpPr>
          <a:xfrm>
            <a:off x="1514477" y="3144237"/>
            <a:ext cx="1872000" cy="1786482"/>
            <a:chOff x="4876644" y="5941415"/>
            <a:chExt cx="1090157" cy="1038999"/>
          </a:xfrm>
        </p:grpSpPr>
        <p:sp>
          <p:nvSpPr>
            <p:cNvPr id="41" name="円/楕円 40"/>
            <p:cNvSpPr/>
            <p:nvPr/>
          </p:nvSpPr>
          <p:spPr>
            <a:xfrm>
              <a:off x="4976612" y="5945384"/>
              <a:ext cx="900000" cy="900000"/>
            </a:xfrm>
            <a:prstGeom prst="ellipse">
              <a:avLst/>
            </a:prstGeom>
            <a:gradFill flip="none" rotWithShape="1">
              <a:gsLst>
                <a:gs pos="0">
                  <a:schemeClr val="accent2">
                    <a:lumMod val="60000"/>
                    <a:lumOff val="40000"/>
                    <a:tint val="66000"/>
                    <a:satMod val="160000"/>
                  </a:schemeClr>
                </a:gs>
                <a:gs pos="50000">
                  <a:schemeClr val="accent2">
                    <a:lumMod val="60000"/>
                    <a:lumOff val="40000"/>
                    <a:tint val="44500"/>
                    <a:satMod val="160000"/>
                  </a:schemeClr>
                </a:gs>
                <a:gs pos="100000">
                  <a:schemeClr val="accent2">
                    <a:lumMod val="60000"/>
                    <a:lumOff val="40000"/>
                    <a:tint val="23500"/>
                    <a:satMod val="160000"/>
                  </a:scheme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3" name="正方形/長方形 22"/>
            <p:cNvSpPr/>
            <p:nvPr/>
          </p:nvSpPr>
          <p:spPr>
            <a:xfrm>
              <a:off x="4876644" y="5941415"/>
              <a:ext cx="1090157" cy="10389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chemeClr val="tx1"/>
                  </a:solidFill>
                  <a:latin typeface="HGｺﾞｼｯｸM" panose="020B0609000000000000" pitchFamily="49" charset="-128"/>
                  <a:ea typeface="HGｺﾞｼｯｸM" panose="020B0609000000000000" pitchFamily="49" charset="-128"/>
                </a:rPr>
                <a:t>データの</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確実な保存</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利活用の</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推進</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43" name="グループ化 42"/>
          <p:cNvGrpSpPr/>
          <p:nvPr/>
        </p:nvGrpSpPr>
        <p:grpSpPr>
          <a:xfrm>
            <a:off x="1625051" y="1699597"/>
            <a:ext cx="1871999" cy="1512365"/>
            <a:chOff x="6895925" y="4869160"/>
            <a:chExt cx="1080000" cy="1080000"/>
          </a:xfrm>
        </p:grpSpPr>
        <p:sp>
          <p:nvSpPr>
            <p:cNvPr id="28" name="円/楕円 27"/>
            <p:cNvSpPr/>
            <p:nvPr/>
          </p:nvSpPr>
          <p:spPr>
            <a:xfrm>
              <a:off x="6985925" y="4959160"/>
              <a:ext cx="900000" cy="900000"/>
            </a:xfrm>
            <a:prstGeom prst="ellipse">
              <a:avLst/>
            </a:prstGeom>
            <a:gradFill flip="none" rotWithShape="1">
              <a:gsLst>
                <a:gs pos="0">
                  <a:srgbClr val="323232">
                    <a:tint val="66000"/>
                    <a:satMod val="160000"/>
                  </a:srgbClr>
                </a:gs>
                <a:gs pos="50000">
                  <a:srgbClr val="323232">
                    <a:tint val="44500"/>
                    <a:satMod val="160000"/>
                  </a:srgbClr>
                </a:gs>
                <a:gs pos="100000">
                  <a:srgbClr val="323232">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2" name="正方形/長方形 21"/>
            <p:cNvSpPr/>
            <p:nvPr/>
          </p:nvSpPr>
          <p:spPr>
            <a:xfrm>
              <a:off x="6895925" y="4869160"/>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chemeClr val="tx1"/>
                  </a:solidFill>
                  <a:latin typeface="HGｺﾞｼｯｸM" panose="020B0609000000000000" pitchFamily="49" charset="-128"/>
                  <a:ea typeface="HGｺﾞｼｯｸM" panose="020B0609000000000000" pitchFamily="49" charset="-128"/>
                </a:rPr>
                <a:t>新たな技術</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の積極的な</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導入</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27" name="グループ化 26"/>
          <p:cNvGrpSpPr/>
          <p:nvPr/>
        </p:nvGrpSpPr>
        <p:grpSpPr>
          <a:xfrm>
            <a:off x="5481199" y="3181084"/>
            <a:ext cx="1695093" cy="1312079"/>
            <a:chOff x="7106450" y="653026"/>
            <a:chExt cx="1695093" cy="1312079"/>
          </a:xfrm>
        </p:grpSpPr>
        <p:sp>
          <p:nvSpPr>
            <p:cNvPr id="26" name="円/楕円 25"/>
            <p:cNvSpPr/>
            <p:nvPr/>
          </p:nvSpPr>
          <p:spPr>
            <a:xfrm>
              <a:off x="7169858" y="696546"/>
              <a:ext cx="1495167" cy="1266404"/>
            </a:xfrm>
            <a:prstGeom prst="ellipse">
              <a:avLst/>
            </a:prstGeom>
            <a:gradFill flip="none" rotWithShape="1">
              <a:gsLst>
                <a:gs pos="0">
                  <a:srgbClr val="323232">
                    <a:tint val="66000"/>
                    <a:satMod val="160000"/>
                  </a:srgbClr>
                </a:gs>
                <a:gs pos="50000">
                  <a:srgbClr val="323232">
                    <a:tint val="44500"/>
                    <a:satMod val="160000"/>
                  </a:srgbClr>
                </a:gs>
                <a:gs pos="100000">
                  <a:srgbClr val="323232">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21" name="正方形/長方形 20"/>
            <p:cNvSpPr/>
            <p:nvPr/>
          </p:nvSpPr>
          <p:spPr>
            <a:xfrm>
              <a:off x="7106450" y="653026"/>
              <a:ext cx="1695093" cy="13120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chemeClr val="tx1"/>
                  </a:solidFill>
                  <a:latin typeface="HGｺﾞｼｯｸM" panose="020B0609000000000000" pitchFamily="49" charset="-128"/>
                  <a:ea typeface="HGｺﾞｼｯｸM" panose="020B0609000000000000" pitchFamily="49" charset="-128"/>
                </a:rPr>
                <a:t>民間等との</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連携の推進</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p:txBody>
        </p:sp>
      </p:grpSp>
      <p:grpSp>
        <p:nvGrpSpPr>
          <p:cNvPr id="32" name="グループ化 31"/>
          <p:cNvGrpSpPr/>
          <p:nvPr/>
        </p:nvGrpSpPr>
        <p:grpSpPr>
          <a:xfrm>
            <a:off x="4584040" y="5069511"/>
            <a:ext cx="1773509" cy="1822634"/>
            <a:chOff x="1837172" y="1098766"/>
            <a:chExt cx="1080000" cy="1080000"/>
          </a:xfrm>
        </p:grpSpPr>
        <p:sp>
          <p:nvSpPr>
            <p:cNvPr id="31" name="円/楕円 30"/>
            <p:cNvSpPr/>
            <p:nvPr/>
          </p:nvSpPr>
          <p:spPr>
            <a:xfrm>
              <a:off x="1927172" y="1188766"/>
              <a:ext cx="900000" cy="900000"/>
            </a:xfrm>
            <a:prstGeom prst="ellipse">
              <a:avLst/>
            </a:prstGeom>
            <a:gradFill flip="none" rotWithShape="1">
              <a:gsLst>
                <a:gs pos="0">
                  <a:srgbClr val="99CC00">
                    <a:tint val="66000"/>
                    <a:satMod val="160000"/>
                  </a:srgbClr>
                </a:gs>
                <a:gs pos="50000">
                  <a:srgbClr val="99CC00">
                    <a:tint val="44500"/>
                    <a:satMod val="160000"/>
                  </a:srgbClr>
                </a:gs>
                <a:gs pos="100000">
                  <a:srgbClr val="99CC00">
                    <a:tint val="23500"/>
                    <a:satMod val="160000"/>
                  </a:srgbClr>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b="1"/>
            </a:p>
          </p:txBody>
        </p:sp>
        <p:sp>
          <p:nvSpPr>
            <p:cNvPr id="19" name="正方形/長方形 18"/>
            <p:cNvSpPr/>
            <p:nvPr/>
          </p:nvSpPr>
          <p:spPr>
            <a:xfrm>
              <a:off x="1837172" y="1098766"/>
              <a:ext cx="1080000" cy="10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chemeClr val="tx1"/>
                  </a:solidFill>
                  <a:latin typeface="HGｺﾞｼｯｸM" panose="020B0609000000000000" pitchFamily="49" charset="-128"/>
                  <a:ea typeface="HGｺﾞｼｯｸM" panose="020B0609000000000000" pitchFamily="49" charset="-128"/>
                </a:rPr>
                <a:t>的確な</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維持修繕</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a:p>
              <a:pPr algn="ctr"/>
              <a:r>
                <a:rPr lang="ja-JP" altLang="en-US" sz="2000" b="1" dirty="0">
                  <a:solidFill>
                    <a:schemeClr val="tx1"/>
                  </a:solidFill>
                  <a:latin typeface="HGｺﾞｼｯｸM" panose="020B0609000000000000" pitchFamily="49" charset="-128"/>
                  <a:ea typeface="HGｺﾞｼｯｸM" panose="020B0609000000000000" pitchFamily="49" charset="-128"/>
                </a:rPr>
                <a:t>の実施</a:t>
              </a:r>
              <a:endParaRPr lang="en-US" altLang="ja-JP" sz="2000" b="1" dirty="0">
                <a:solidFill>
                  <a:schemeClr val="tx1"/>
                </a:solidFill>
                <a:latin typeface="HGｺﾞｼｯｸM" panose="020B0609000000000000" pitchFamily="49" charset="-128"/>
                <a:ea typeface="HGｺﾞｼｯｸM" panose="020B0609000000000000" pitchFamily="49" charset="-128"/>
              </a:endParaRPr>
            </a:p>
          </p:txBody>
        </p:sp>
      </p:grpSp>
      <p:sp>
        <p:nvSpPr>
          <p:cNvPr id="51" name="正方形/長方形 50"/>
          <p:cNvSpPr/>
          <p:nvPr/>
        </p:nvSpPr>
        <p:spPr>
          <a:xfrm>
            <a:off x="6223021" y="5865757"/>
            <a:ext cx="2520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維持修繕効果の検証</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早期再劣化の防止</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rgbClr val="000066"/>
                </a:solidFill>
                <a:latin typeface="HGｺﾞｼｯｸM" panose="020B0609000000000000" pitchFamily="49" charset="-128"/>
                <a:ea typeface="HGｺﾞｼｯｸM" panose="020B0609000000000000" pitchFamily="49" charset="-128"/>
              </a:rPr>
              <a:t>材料・工法等の富山市標準化</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p:txBody>
      </p:sp>
      <p:sp>
        <p:nvSpPr>
          <p:cNvPr id="5" name="正方形/長方形 4">
            <a:extLst>
              <a:ext uri="{FF2B5EF4-FFF2-40B4-BE49-F238E27FC236}">
                <a16:creationId xmlns:a16="http://schemas.microsoft.com/office/drawing/2014/main" id="{6E7EC07E-E434-F303-932C-C44E959C89BA}"/>
              </a:ext>
            </a:extLst>
          </p:cNvPr>
          <p:cNvSpPr/>
          <p:nvPr/>
        </p:nvSpPr>
        <p:spPr>
          <a:xfrm>
            <a:off x="7203608" y="4082333"/>
            <a:ext cx="2520000" cy="61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b" anchorCtr="0"/>
          <a:lstStyle/>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更新のマネジメント</a:t>
            </a:r>
            <a:endParaRPr lang="en-US" altLang="ja-JP" sz="1200" b="1" dirty="0">
              <a:solidFill>
                <a:schemeClr val="tx1"/>
              </a:solidFill>
              <a:latin typeface="HGｺﾞｼｯｸM" panose="020B0609000000000000" pitchFamily="49" charset="-128"/>
              <a:ea typeface="HGｺﾞｼｯｸM" panose="020B0609000000000000" pitchFamily="49" charset="-128"/>
            </a:endParaRPr>
          </a:p>
          <a:p>
            <a:pPr marL="285750" indent="-285750">
              <a:buFont typeface="Wingdings" panose="05000000000000000000" pitchFamily="2" charset="2"/>
              <a:buChar char="u"/>
              <a:defRPr/>
            </a:pPr>
            <a:r>
              <a:rPr lang="ja-JP" altLang="en-US" sz="1200" b="1" dirty="0">
                <a:solidFill>
                  <a:schemeClr val="tx1"/>
                </a:solidFill>
                <a:latin typeface="HGｺﾞｼｯｸM" panose="020B0609000000000000" pitchFamily="49" charset="-128"/>
                <a:ea typeface="HGｺﾞｼｯｸM" panose="020B0609000000000000" pitchFamily="49" charset="-128"/>
              </a:rPr>
              <a:t>撤去技術の検証</a:t>
            </a:r>
            <a:endParaRPr lang="en-US" altLang="ja-JP" sz="1200" b="1" dirty="0">
              <a:solidFill>
                <a:srgbClr val="000066"/>
              </a:solidFill>
              <a:latin typeface="HGｺﾞｼｯｸM" panose="020B0609000000000000" pitchFamily="49" charset="-128"/>
              <a:ea typeface="HGｺﾞｼｯｸM" panose="020B0609000000000000" pitchFamily="49" charset="-128"/>
            </a:endParaRPr>
          </a:p>
        </p:txBody>
      </p:sp>
      <p:sp>
        <p:nvSpPr>
          <p:cNvPr id="3" name="テキスト ボックス 2">
            <a:extLst>
              <a:ext uri="{FF2B5EF4-FFF2-40B4-BE49-F238E27FC236}">
                <a16:creationId xmlns:a16="http://schemas.microsoft.com/office/drawing/2014/main" id="{64D1FC00-113A-3B7D-733E-7A90F6DA2E96}"/>
              </a:ext>
            </a:extLst>
          </p:cNvPr>
          <p:cNvSpPr txBox="1"/>
          <p:nvPr/>
        </p:nvSpPr>
        <p:spPr>
          <a:xfrm>
            <a:off x="149388" y="125441"/>
            <a:ext cx="8199955" cy="584775"/>
          </a:xfrm>
          <a:prstGeom prst="rect">
            <a:avLst/>
          </a:prstGeom>
          <a:noFill/>
        </p:spPr>
        <p:txBody>
          <a:bodyPr wrap="square">
            <a:spAutoFit/>
          </a:bodyPr>
          <a:lstStyle/>
          <a:p>
            <a:r>
              <a:rPr kumimoji="1" lang="ja-JP" altLang="en-US" sz="3200" dirty="0">
                <a:latin typeface="ＭＳ ゴシック" panose="020B0609070205080204" pitchFamily="49" charset="-128"/>
                <a:ea typeface="ＭＳ ゴシック" panose="020B0609070205080204" pitchFamily="49" charset="-128"/>
              </a:rPr>
              <a:t>インフラマネジメント・スパイラル</a:t>
            </a:r>
            <a:endParaRPr kumimoji="1" lang="en-US" altLang="ja-JP" sz="3200" dirty="0">
              <a:latin typeface="ＭＳ ゴシック" panose="020B0609070205080204" pitchFamily="49" charset="-128"/>
              <a:ea typeface="ＭＳ ゴシック" panose="020B0609070205080204" pitchFamily="49" charset="-128"/>
            </a:endParaRPr>
          </a:p>
        </p:txBody>
      </p:sp>
    </p:spTree>
    <p:extLst>
      <p:ext uri="{BB962C8B-B14F-4D97-AF65-F5344CB8AC3E}">
        <p14:creationId xmlns:p14="http://schemas.microsoft.com/office/powerpoint/2010/main" val="91488736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9FB359AF-5900-B8DE-17F0-D6CAC869CAF2}"/>
            </a:ext>
          </a:extLst>
        </p:cNvPr>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3A2107CF-5BB3-37A3-3677-5F2AB3C636FB}"/>
              </a:ext>
            </a:extLst>
          </p:cNvPr>
          <p:cNvSpPr txBox="1"/>
          <p:nvPr/>
        </p:nvSpPr>
        <p:spPr>
          <a:xfrm>
            <a:off x="324683" y="105013"/>
            <a:ext cx="6288901" cy="6494085"/>
          </a:xfrm>
          <a:prstGeom prst="rect">
            <a:avLst/>
          </a:prstGeom>
          <a:noFill/>
        </p:spPr>
        <p:txBody>
          <a:bodyPr wrap="none" rtlCol="0">
            <a:spAutoFit/>
          </a:bodyPr>
          <a:lstStyle/>
          <a:p>
            <a:r>
              <a:rPr kumimoji="1" lang="ja-JP" altLang="en-US" sz="2800" dirty="0"/>
              <a:t>何が問題か</a:t>
            </a:r>
            <a:endParaRPr kumimoji="1" lang="en-US" altLang="ja-JP" sz="2800" dirty="0"/>
          </a:p>
          <a:p>
            <a:endParaRPr lang="en-US" altLang="ja-JP" sz="2800" dirty="0"/>
          </a:p>
          <a:p>
            <a:r>
              <a:rPr kumimoji="1" lang="ja-JP" altLang="en-US" sz="2800" dirty="0"/>
              <a:t>①「点検はしてました」</a:t>
            </a:r>
            <a:endParaRPr kumimoji="1" lang="en-US" altLang="ja-JP" sz="2800" dirty="0"/>
          </a:p>
          <a:p>
            <a:r>
              <a:rPr lang="ja-JP" altLang="en-US" sz="2800" dirty="0"/>
              <a:t>　　　はよく聞く言葉</a:t>
            </a:r>
            <a:endParaRPr lang="en-US" altLang="ja-JP" sz="2800" dirty="0"/>
          </a:p>
          <a:p>
            <a:r>
              <a:rPr lang="ja-JP" altLang="en-US" sz="2800" dirty="0"/>
              <a:t>　</a:t>
            </a:r>
            <a:endParaRPr lang="en-US" altLang="ja-JP" sz="2800" dirty="0"/>
          </a:p>
          <a:p>
            <a:r>
              <a:rPr lang="ja-JP" altLang="en-US" sz="2800" dirty="0"/>
              <a:t>②定期点検レベルで大丈夫か？</a:t>
            </a:r>
            <a:endParaRPr lang="en-US" altLang="ja-JP" sz="2800" dirty="0"/>
          </a:p>
          <a:p>
            <a:r>
              <a:rPr lang="ja-JP" altLang="en-US" sz="2800" dirty="0"/>
              <a:t>　　　</a:t>
            </a:r>
            <a:endParaRPr lang="en-US" altLang="ja-JP" sz="2800" dirty="0"/>
          </a:p>
          <a:p>
            <a:r>
              <a:rPr kumimoji="1" lang="ja-JP" altLang="en-US" sz="2800" dirty="0"/>
              <a:t>③点検者はコンサルでよいか？</a:t>
            </a:r>
            <a:r>
              <a:rPr lang="ja-JP" altLang="en-US" sz="2800" dirty="0"/>
              <a:t>　　　</a:t>
            </a:r>
            <a:endParaRPr lang="en-US" altLang="ja-JP" sz="2800" dirty="0"/>
          </a:p>
          <a:p>
            <a:endParaRPr kumimoji="1" lang="en-US" altLang="ja-JP" sz="2800" dirty="0"/>
          </a:p>
          <a:p>
            <a:r>
              <a:rPr lang="ja-JP" altLang="en-US" sz="2800" dirty="0"/>
              <a:t>④マネジメントはできているか？</a:t>
            </a:r>
            <a:endParaRPr lang="en-US" altLang="ja-JP" sz="2800" dirty="0"/>
          </a:p>
          <a:p>
            <a:endParaRPr lang="en-US" altLang="ja-JP" sz="2800" dirty="0"/>
          </a:p>
          <a:p>
            <a:r>
              <a:rPr lang="ja-JP" altLang="en-US" sz="2800" dirty="0"/>
              <a:t>⑤判断はできているか？・</a:t>
            </a:r>
            <a:endParaRPr lang="en-US" altLang="ja-JP" sz="2800" dirty="0"/>
          </a:p>
          <a:p>
            <a:endParaRPr lang="en-US" altLang="ja-JP" sz="2800" dirty="0"/>
          </a:p>
          <a:p>
            <a:r>
              <a:rPr lang="ja-JP" altLang="en-US" sz="2800" dirty="0"/>
              <a:t>⑥責任と覚悟はあるか？</a:t>
            </a:r>
            <a:endParaRPr lang="en-US" altLang="ja-JP" sz="2800" dirty="0"/>
          </a:p>
          <a:p>
            <a:r>
              <a:rPr kumimoji="1" lang="ja-JP" altLang="en-US" sz="2400" dirty="0"/>
              <a:t>　　　</a:t>
            </a:r>
          </a:p>
        </p:txBody>
      </p:sp>
    </p:spTree>
    <p:extLst>
      <p:ext uri="{BB962C8B-B14F-4D97-AF65-F5344CB8AC3E}">
        <p14:creationId xmlns:p14="http://schemas.microsoft.com/office/powerpoint/2010/main" val="3046840261"/>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E2073BD9-363A-364B-6AE7-404B936B1962}"/>
              </a:ext>
            </a:extLst>
          </p:cNvPr>
          <p:cNvSpPr>
            <a:spLocks noGrp="1"/>
          </p:cNvSpPr>
          <p:nvPr>
            <p:ph type="ctrTitle"/>
          </p:nvPr>
        </p:nvSpPr>
        <p:spPr>
          <a:xfrm>
            <a:off x="1143000" y="1112774"/>
            <a:ext cx="6858000" cy="1790700"/>
          </a:xfrm>
        </p:spPr>
        <p:txBody>
          <a:bodyPr/>
          <a:lstStyle/>
          <a:p>
            <a:r>
              <a:rPr kumimoji="1" lang="ja-JP" altLang="en-US" dirty="0"/>
              <a:t>お疲れさまでした</a:t>
            </a:r>
          </a:p>
        </p:txBody>
      </p:sp>
      <p:sp>
        <p:nvSpPr>
          <p:cNvPr id="3" name="字幕 2">
            <a:extLst>
              <a:ext uri="{FF2B5EF4-FFF2-40B4-BE49-F238E27FC236}">
                <a16:creationId xmlns:a16="http://schemas.microsoft.com/office/drawing/2014/main" id="{3DD4545E-FED3-8E24-92BF-8C879DEF0438}"/>
              </a:ext>
            </a:extLst>
          </p:cNvPr>
          <p:cNvSpPr>
            <a:spLocks noGrp="1"/>
          </p:cNvSpPr>
          <p:nvPr>
            <p:ph type="subTitle" idx="1"/>
          </p:nvPr>
        </p:nvSpPr>
        <p:spPr>
          <a:xfrm>
            <a:off x="1143000" y="4277762"/>
            <a:ext cx="6858000" cy="1241822"/>
          </a:xfrm>
        </p:spPr>
        <p:txBody>
          <a:bodyPr>
            <a:normAutofit fontScale="70000" lnSpcReduction="20000"/>
          </a:bodyPr>
          <a:lstStyle/>
          <a:p>
            <a:r>
              <a:rPr kumimoji="1" lang="ja-JP" altLang="en-US" dirty="0"/>
              <a:t>質問、その他要望などありましたら</a:t>
            </a:r>
            <a:endParaRPr kumimoji="1" lang="en-US" altLang="ja-JP" dirty="0"/>
          </a:p>
          <a:p>
            <a:r>
              <a:rPr kumimoji="1" lang="ja-JP" altLang="en-US" dirty="0"/>
              <a:t>植野　までお気軽に。</a:t>
            </a:r>
            <a:endParaRPr kumimoji="1" lang="en-US" altLang="ja-JP" dirty="0"/>
          </a:p>
          <a:p>
            <a:endParaRPr lang="en-US" altLang="ja-JP" dirty="0"/>
          </a:p>
          <a:p>
            <a:r>
              <a:rPr kumimoji="1" lang="en-US" altLang="ja-JP" dirty="0"/>
              <a:t>y-ueno@uimo.jp</a:t>
            </a:r>
            <a:endParaRPr kumimoji="1" lang="ja-JP" altLang="en-US" dirty="0"/>
          </a:p>
        </p:txBody>
      </p:sp>
    </p:spTree>
    <p:extLst>
      <p:ext uri="{BB962C8B-B14F-4D97-AF65-F5344CB8AC3E}">
        <p14:creationId xmlns:p14="http://schemas.microsoft.com/office/powerpoint/2010/main" val="406147610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22" name="図 1">
            <a:extLst>
              <a:ext uri="{FF2B5EF4-FFF2-40B4-BE49-F238E27FC236}">
                <a16:creationId xmlns:a16="http://schemas.microsoft.com/office/drawing/2014/main" id="{1A52BE92-B59B-F87B-08FF-11B1701A2694}"/>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995738" y="1989138"/>
            <a:ext cx="5256212" cy="4591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1923" name="図 2">
            <a:extLst>
              <a:ext uri="{FF2B5EF4-FFF2-40B4-BE49-F238E27FC236}">
                <a16:creationId xmlns:a16="http://schemas.microsoft.com/office/drawing/2014/main" id="{F0BE6439-7476-87EE-ED24-CD24C0BE7419}"/>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813" y="188913"/>
            <a:ext cx="4114800" cy="4686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1924" name="テキスト ボックス 1">
            <a:extLst>
              <a:ext uri="{FF2B5EF4-FFF2-40B4-BE49-F238E27FC236}">
                <a16:creationId xmlns:a16="http://schemas.microsoft.com/office/drawing/2014/main" id="{C430E86C-F508-F759-463D-A05D8B5A6D40}"/>
              </a:ext>
            </a:extLst>
          </p:cNvPr>
          <p:cNvSpPr txBox="1">
            <a:spLocks noChangeArrowheads="1"/>
          </p:cNvSpPr>
          <p:nvPr/>
        </p:nvSpPr>
        <p:spPr bwMode="auto">
          <a:xfrm>
            <a:off x="4572000" y="188913"/>
            <a:ext cx="3762568" cy="18158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800" dirty="0">
                <a:latin typeface="Arial" panose="020B0604020202020204" pitchFamily="34" charset="0"/>
              </a:rPr>
              <a:t>笹子トンネル事故</a:t>
            </a:r>
            <a:endParaRPr lang="en-US" altLang="ja-JP" sz="2800" dirty="0">
              <a:latin typeface="Arial" panose="020B0604020202020204" pitchFamily="34" charset="0"/>
            </a:endParaRPr>
          </a:p>
          <a:p>
            <a:pPr>
              <a:spcBef>
                <a:spcPct val="0"/>
              </a:spcBef>
              <a:buFontTx/>
              <a:buNone/>
            </a:pPr>
            <a:endParaRPr lang="en-US" altLang="ja-JP" sz="2800" dirty="0">
              <a:latin typeface="Arial" panose="020B0604020202020204" pitchFamily="34" charset="0"/>
            </a:endParaRPr>
          </a:p>
          <a:p>
            <a:pPr>
              <a:spcBef>
                <a:spcPct val="0"/>
              </a:spcBef>
              <a:buFontTx/>
              <a:buNone/>
            </a:pPr>
            <a:r>
              <a:rPr lang="ja-JP" altLang="en-US" sz="2800" dirty="0">
                <a:latin typeface="Arial" panose="020B0604020202020204" pitchFamily="34" charset="0"/>
              </a:rPr>
              <a:t>本質が、やっとかたられ</a:t>
            </a:r>
            <a:endParaRPr lang="en-US" altLang="ja-JP" sz="2800" dirty="0">
              <a:latin typeface="Arial" panose="020B0604020202020204" pitchFamily="34" charset="0"/>
            </a:endParaRPr>
          </a:p>
          <a:p>
            <a:pPr>
              <a:spcBef>
                <a:spcPct val="0"/>
              </a:spcBef>
              <a:buFontTx/>
              <a:buNone/>
            </a:pPr>
            <a:r>
              <a:rPr lang="ja-JP" altLang="en-US" sz="2800" dirty="0">
                <a:latin typeface="Arial" panose="020B0604020202020204" pitchFamily="34" charset="0"/>
              </a:rPr>
              <a:t>だした。</a:t>
            </a:r>
          </a:p>
        </p:txBody>
      </p:sp>
      <p:sp>
        <p:nvSpPr>
          <p:cNvPr id="81925" name="テキスト ボックス 2">
            <a:extLst>
              <a:ext uri="{FF2B5EF4-FFF2-40B4-BE49-F238E27FC236}">
                <a16:creationId xmlns:a16="http://schemas.microsoft.com/office/drawing/2014/main" id="{F5ED3CD2-42A6-93FA-ACA6-55639018A3F7}"/>
              </a:ext>
            </a:extLst>
          </p:cNvPr>
          <p:cNvSpPr txBox="1">
            <a:spLocks noChangeArrowheads="1"/>
          </p:cNvSpPr>
          <p:nvPr/>
        </p:nvSpPr>
        <p:spPr bwMode="auto">
          <a:xfrm>
            <a:off x="252413" y="5084765"/>
            <a:ext cx="3859212" cy="9540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800">
                <a:latin typeface="Arial" panose="020B0604020202020204" pitchFamily="34" charset="0"/>
              </a:rPr>
              <a:t>計画、設計（思想の）ミス</a:t>
            </a:r>
            <a:endParaRPr lang="en-US" altLang="ja-JP" sz="2800">
              <a:latin typeface="Arial" panose="020B0604020202020204" pitchFamily="34" charset="0"/>
            </a:endParaRPr>
          </a:p>
          <a:p>
            <a:pPr>
              <a:spcBef>
                <a:spcPct val="0"/>
              </a:spcBef>
              <a:buFontTx/>
              <a:buNone/>
            </a:pPr>
            <a:r>
              <a:rPr lang="ja-JP" altLang="en-US" sz="2800">
                <a:latin typeface="Arial" panose="020B0604020202020204" pitchFamily="34" charset="0"/>
              </a:rPr>
              <a:t>こういう、構造物が多数</a:t>
            </a: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2946" name="図 1">
            <a:extLst>
              <a:ext uri="{FF2B5EF4-FFF2-40B4-BE49-F238E27FC236}">
                <a16:creationId xmlns:a16="http://schemas.microsoft.com/office/drawing/2014/main" id="{12E210A9-E08B-9FC3-0B61-9A8E64AFCF39}"/>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 y="3177"/>
            <a:ext cx="4932363" cy="3216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2947" name="Picture 4">
            <a:extLst>
              <a:ext uri="{FF2B5EF4-FFF2-40B4-BE49-F238E27FC236}">
                <a16:creationId xmlns:a16="http://schemas.microsoft.com/office/drawing/2014/main" id="{2BB1C5D1-0480-6473-F270-A2FB45BEF4BF}"/>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13306" y="3096432"/>
            <a:ext cx="6689407" cy="37583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2948" name="テキスト ボックス 5">
            <a:extLst>
              <a:ext uri="{FF2B5EF4-FFF2-40B4-BE49-F238E27FC236}">
                <a16:creationId xmlns:a16="http://schemas.microsoft.com/office/drawing/2014/main" id="{85AC3707-9074-026A-3595-A204EB45D9D1}"/>
              </a:ext>
            </a:extLst>
          </p:cNvPr>
          <p:cNvSpPr txBox="1">
            <a:spLocks noChangeArrowheads="1"/>
          </p:cNvSpPr>
          <p:nvPr/>
        </p:nvSpPr>
        <p:spPr bwMode="auto">
          <a:xfrm>
            <a:off x="5292725" y="404813"/>
            <a:ext cx="3709988"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400">
                <a:solidFill>
                  <a:srgbClr val="2E3136"/>
                </a:solidFill>
                <a:latin typeface="ヒラギノ角ゴ Pro W3"/>
              </a:rPr>
              <a:t>令和３年</a:t>
            </a:r>
            <a:r>
              <a:rPr lang="en-US" altLang="ja-JP" sz="2400">
                <a:solidFill>
                  <a:srgbClr val="2E3136"/>
                </a:solidFill>
                <a:latin typeface="ヒラギノ角ゴ Pro W3"/>
              </a:rPr>
              <a:t>10 </a:t>
            </a:r>
            <a:r>
              <a:rPr lang="ja-JP" altLang="en-US" sz="2400">
                <a:solidFill>
                  <a:srgbClr val="2E3136"/>
                </a:solidFill>
                <a:latin typeface="ヒラギノ角ゴ Pro W3"/>
              </a:rPr>
              <a:t>月３日　発生</a:t>
            </a:r>
            <a:endParaRPr lang="en-US" altLang="ja-JP" sz="2400">
              <a:solidFill>
                <a:srgbClr val="2E3136"/>
              </a:solidFill>
              <a:latin typeface="ヒラギノ角ゴ Pro W3"/>
            </a:endParaRPr>
          </a:p>
          <a:p>
            <a:pPr>
              <a:spcBef>
                <a:spcPct val="0"/>
              </a:spcBef>
              <a:buFontTx/>
              <a:buNone/>
            </a:pPr>
            <a:r>
              <a:rPr lang="ja-JP" altLang="en-US" sz="2400">
                <a:solidFill>
                  <a:srgbClr val="2E3136"/>
                </a:solidFill>
                <a:latin typeface="ヒラギノ角ゴ Pro W3"/>
              </a:rPr>
              <a:t>和歌山水管橋　崩落事故</a:t>
            </a:r>
            <a:endParaRPr lang="ja-JP" altLang="en-US" sz="2400">
              <a:latin typeface="Arial" panose="020B0604020202020204" pitchFamily="34" charset="0"/>
            </a:endParaRPr>
          </a:p>
        </p:txBody>
      </p:sp>
      <p:sp>
        <p:nvSpPr>
          <p:cNvPr id="82949" name="テキスト ボックス 1">
            <a:extLst>
              <a:ext uri="{FF2B5EF4-FFF2-40B4-BE49-F238E27FC236}">
                <a16:creationId xmlns:a16="http://schemas.microsoft.com/office/drawing/2014/main" id="{43308B2A-DA6E-5469-EF96-B6845C20B81A}"/>
              </a:ext>
            </a:extLst>
          </p:cNvPr>
          <p:cNvSpPr txBox="1">
            <a:spLocks noChangeArrowheads="1"/>
          </p:cNvSpPr>
          <p:nvPr/>
        </p:nvSpPr>
        <p:spPr bwMode="auto">
          <a:xfrm>
            <a:off x="5087859" y="1382323"/>
            <a:ext cx="3914854"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400" dirty="0">
                <a:latin typeface="Arial" panose="020B0604020202020204" pitchFamily="34" charset="0"/>
              </a:rPr>
              <a:t>実は点検不備</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数年前から</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ストリートビューで確認できた</a:t>
            </a:r>
          </a:p>
        </p:txBody>
      </p:sp>
      <p:sp>
        <p:nvSpPr>
          <p:cNvPr id="2" name="テキスト ボックス 1">
            <a:extLst>
              <a:ext uri="{FF2B5EF4-FFF2-40B4-BE49-F238E27FC236}">
                <a16:creationId xmlns:a16="http://schemas.microsoft.com/office/drawing/2014/main" id="{F13A6E0D-1139-1754-4303-C095285BDC7D}"/>
              </a:ext>
            </a:extLst>
          </p:cNvPr>
          <p:cNvSpPr txBox="1"/>
          <p:nvPr/>
        </p:nvSpPr>
        <p:spPr>
          <a:xfrm>
            <a:off x="213360" y="5994400"/>
            <a:ext cx="3877985" cy="461665"/>
          </a:xfrm>
          <a:prstGeom prst="rect">
            <a:avLst/>
          </a:prstGeom>
          <a:noFill/>
        </p:spPr>
        <p:txBody>
          <a:bodyPr wrap="none" rtlCol="0">
            <a:spAutoFit/>
          </a:bodyPr>
          <a:lstStyle/>
          <a:p>
            <a:r>
              <a:rPr kumimoji="1" lang="ja-JP" altLang="en-US" sz="2400" b="1" dirty="0"/>
              <a:t>下ばかり見ていたのでは？</a:t>
            </a:r>
          </a:p>
        </p:txBody>
      </p:sp>
    </p:spTree>
    <p:extLst>
      <p:ext uri="{BB962C8B-B14F-4D97-AF65-F5344CB8AC3E}">
        <p14:creationId xmlns:p14="http://schemas.microsoft.com/office/powerpoint/2010/main" val="348648535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7106" name="Picture 6" descr="\\toyama-city.local\17建設部\1708建設政策\s1\_定数外\_課共有２（移行）\01_画像等\03,計画係\橋梁\瓶岩橋\20150804\IMG_0158.JPG">
            <a:extLst>
              <a:ext uri="{FF2B5EF4-FFF2-40B4-BE49-F238E27FC236}">
                <a16:creationId xmlns:a16="http://schemas.microsoft.com/office/drawing/2014/main" id="{F52FE466-6341-27F3-F388-9E65B4B467DB}"/>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503988" y="964907"/>
            <a:ext cx="2640012" cy="19792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7107" name="スライド番号プレースホルダー 1">
            <a:extLst>
              <a:ext uri="{FF2B5EF4-FFF2-40B4-BE49-F238E27FC236}">
                <a16:creationId xmlns:a16="http://schemas.microsoft.com/office/drawing/2014/main" id="{E4157099-1B29-7D35-71F6-D045C95E1BCC}"/>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200">
                <a:solidFill>
                  <a:srgbClr val="898989"/>
                </a:solidFill>
                <a:latin typeface="Arial" panose="020B0604020202020204" pitchFamily="34" charset="0"/>
              </a:rPr>
              <a:t>-</a:t>
            </a:r>
            <a:fld id="{932BD697-125A-4149-B842-00FA56E9EF95}" type="slidenum">
              <a:rPr lang="ja-JP" altLang="en-US" sz="1200" smtClean="0">
                <a:solidFill>
                  <a:srgbClr val="898989"/>
                </a:solidFill>
                <a:latin typeface="Arial" panose="020B0604020202020204" pitchFamily="34" charset="0"/>
              </a:rPr>
              <a:pPr>
                <a:spcBef>
                  <a:spcPct val="0"/>
                </a:spcBef>
                <a:buFontTx/>
                <a:buNone/>
              </a:pPr>
              <a:t>7</a:t>
            </a:fld>
            <a:r>
              <a:rPr lang="en-US" altLang="ja-JP" sz="1200">
                <a:solidFill>
                  <a:srgbClr val="898989"/>
                </a:solidFill>
                <a:latin typeface="Arial" panose="020B0604020202020204" pitchFamily="34" charset="0"/>
              </a:rPr>
              <a:t>-</a:t>
            </a:r>
            <a:endParaRPr lang="ja-JP" altLang="en-US" sz="1200">
              <a:solidFill>
                <a:srgbClr val="898989"/>
              </a:solidFill>
              <a:latin typeface="Arial" panose="020B0604020202020204" pitchFamily="34" charset="0"/>
            </a:endParaRPr>
          </a:p>
        </p:txBody>
      </p:sp>
      <p:sp>
        <p:nvSpPr>
          <p:cNvPr id="4" name="Rectangle 8">
            <a:extLst>
              <a:ext uri="{FF2B5EF4-FFF2-40B4-BE49-F238E27FC236}">
                <a16:creationId xmlns:a16="http://schemas.microsoft.com/office/drawing/2014/main" id="{4E3CC9E8-414B-CD37-20BF-386AD655CD6F}"/>
              </a:ext>
            </a:extLst>
          </p:cNvPr>
          <p:cNvSpPr>
            <a:spLocks noChangeArrowheads="1"/>
          </p:cNvSpPr>
          <p:nvPr/>
        </p:nvSpPr>
        <p:spPr bwMode="auto">
          <a:xfrm>
            <a:off x="596900" y="204788"/>
            <a:ext cx="7921625" cy="431800"/>
          </a:xfrm>
          <a:prstGeom prst="rect">
            <a:avLst/>
          </a:prstGeom>
          <a:noFill/>
          <a:ln>
            <a:noFill/>
          </a:ln>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defRPr/>
            </a:pPr>
            <a:r>
              <a:rPr lang="ja-JP" altLang="en-US" dirty="0">
                <a:solidFill>
                  <a:schemeClr val="tx2">
                    <a:lumMod val="60000"/>
                    <a:lumOff val="40000"/>
                  </a:schemeClr>
                </a:solidFill>
                <a:ea typeface="HGPｺﾞｼｯｸE" pitchFamily="50" charset="-128"/>
              </a:rPr>
              <a:t>瓶岩橋　支承の損傷　</a:t>
            </a:r>
          </a:p>
        </p:txBody>
      </p:sp>
      <p:pic>
        <p:nvPicPr>
          <p:cNvPr id="47111" name="Picture 7" descr="\\toyama-city.local\17建設部\1708建設政策\s1\_定数外\_課共有２（移行）\01_画像等\03,計画係\橋梁\瓶岩橋\20151013\IMG_8469.JPG">
            <a:extLst>
              <a:ext uri="{FF2B5EF4-FFF2-40B4-BE49-F238E27FC236}">
                <a16:creationId xmlns:a16="http://schemas.microsoft.com/office/drawing/2014/main" id="{FB906C9B-3AC6-C0B7-BD28-8E2BDB904025}"/>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6616" y="3426786"/>
            <a:ext cx="2700338" cy="1800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7112" name="Picture 9" descr="\\toyama-city.local\17建設部\1708建設政策\s1\_定数外\_課共有２（移行）\01_画像等\03,計画係\橋梁\瓶岩橋\20151015\IMG_0825.JPG">
            <a:extLst>
              <a:ext uri="{FF2B5EF4-FFF2-40B4-BE49-F238E27FC236}">
                <a16:creationId xmlns:a16="http://schemas.microsoft.com/office/drawing/2014/main" id="{1F0CA484-E913-5EFE-E7B5-2AF6D8484C67}"/>
              </a:ext>
            </a:extLst>
          </p:cNvPr>
          <p:cNvPicPr>
            <a:picLocks noChangeAspect="1" noChangeArrowheads="1"/>
          </p:cNvPicPr>
          <p:nvPr/>
        </p:nvPicPr>
        <p:blipFill>
          <a:blip r:embed="rId4">
            <a:extLst>
              <a:ext uri="{28A0092B-C50C-407E-A947-70E740481C1C}">
                <a14:useLocalDpi xmlns:a14="http://schemas.microsoft.com/office/drawing/2010/main" val="0"/>
              </a:ext>
            </a:extLst>
          </a:blip>
          <a:srcRect t="4337" b="6770"/>
          <a:stretch>
            <a:fillRect/>
          </a:stretch>
        </p:blipFill>
        <p:spPr bwMode="auto">
          <a:xfrm>
            <a:off x="3244849" y="992570"/>
            <a:ext cx="3224213" cy="2149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7114" name="Rectangle 8">
            <a:extLst>
              <a:ext uri="{FF2B5EF4-FFF2-40B4-BE49-F238E27FC236}">
                <a16:creationId xmlns:a16="http://schemas.microsoft.com/office/drawing/2014/main" id="{5451365C-3B0A-3AED-5E3D-D0E93E58BAC0}"/>
              </a:ext>
            </a:extLst>
          </p:cNvPr>
          <p:cNvSpPr>
            <a:spLocks noChangeArrowheads="1"/>
          </p:cNvSpPr>
          <p:nvPr/>
        </p:nvSpPr>
        <p:spPr bwMode="auto">
          <a:xfrm>
            <a:off x="6365479" y="3401054"/>
            <a:ext cx="2700337" cy="647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000" dirty="0">
                <a:solidFill>
                  <a:srgbClr val="000000"/>
                </a:solidFill>
                <a:latin typeface="HG丸ｺﾞｼｯｸM-PRO" panose="020F0600000000000000" pitchFamily="50" charset="-128"/>
                <a:ea typeface="HG丸ｺﾞｼｯｸM-PRO" panose="020F0600000000000000" pitchFamily="50" charset="-128"/>
              </a:rPr>
              <a:t>老朽化による「腐食」というが、破断面を見れば、機械的破断がわかる。</a:t>
            </a:r>
            <a:endParaRPr lang="en-US" altLang="ja-JP" sz="2000" dirty="0">
              <a:solidFill>
                <a:srgbClr val="000000"/>
              </a:solidFill>
              <a:latin typeface="HG丸ｺﾞｼｯｸM-PRO" panose="020F0600000000000000" pitchFamily="50" charset="-128"/>
              <a:ea typeface="HG丸ｺﾞｼｯｸM-PRO" panose="020F0600000000000000" pitchFamily="50" charset="-128"/>
            </a:endParaRPr>
          </a:p>
          <a:p>
            <a:pPr eaLnBrk="1" hangingPunct="1">
              <a:spcBef>
                <a:spcPct val="0"/>
              </a:spcBef>
              <a:buFontTx/>
              <a:buNone/>
            </a:pPr>
            <a:r>
              <a:rPr lang="ja-JP" altLang="en-US" sz="2000" dirty="0">
                <a:solidFill>
                  <a:srgbClr val="000000"/>
                </a:solidFill>
                <a:latin typeface="HG丸ｺﾞｼｯｸM-PRO" panose="020F0600000000000000" pitchFamily="50" charset="-128"/>
                <a:ea typeface="HG丸ｺﾞｼｯｸM-PRO" panose="020F0600000000000000" pitchFamily="50" charset="-128"/>
              </a:rPr>
              <a:t>つまり過積載による衝撃＋疲労</a:t>
            </a:r>
            <a:endParaRPr lang="en-US" altLang="ja-JP" sz="2000" dirty="0">
              <a:solidFill>
                <a:srgbClr val="000000"/>
              </a:solidFill>
              <a:latin typeface="HG丸ｺﾞｼｯｸM-PRO" panose="020F0600000000000000" pitchFamily="50" charset="-128"/>
              <a:ea typeface="HG丸ｺﾞｼｯｸM-PRO" panose="020F0600000000000000" pitchFamily="50" charset="-128"/>
            </a:endParaRPr>
          </a:p>
        </p:txBody>
      </p:sp>
      <p:pic>
        <p:nvPicPr>
          <p:cNvPr id="47115" name="Picture 11" descr="\\toyama-city.local\17建設部\1708建設政策\s1\_定数外\_課共有２（移行）\01_画像等\03,計画係\橋梁\瓶岩橋\20151015\IMG_0823.JPG">
            <a:extLst>
              <a:ext uri="{FF2B5EF4-FFF2-40B4-BE49-F238E27FC236}">
                <a16:creationId xmlns:a16="http://schemas.microsoft.com/office/drawing/2014/main" id="{1CE70F3B-D026-5A04-74AD-8ED3404246F9}"/>
              </a:ext>
            </a:extLst>
          </p:cNvPr>
          <p:cNvPicPr>
            <a:picLocks noChangeAspect="1" noChangeArrowheads="1"/>
          </p:cNvPicPr>
          <p:nvPr/>
        </p:nvPicPr>
        <p:blipFill>
          <a:blip r:embed="rId5">
            <a:extLst>
              <a:ext uri="{28A0092B-C50C-407E-A947-70E740481C1C}">
                <a14:useLocalDpi xmlns:a14="http://schemas.microsoft.com/office/drawing/2010/main" val="0"/>
              </a:ext>
            </a:extLst>
          </a:blip>
          <a:srcRect t="11105"/>
          <a:stretch>
            <a:fillRect/>
          </a:stretch>
        </p:blipFill>
        <p:spPr bwMode="auto">
          <a:xfrm>
            <a:off x="3420349" y="3394378"/>
            <a:ext cx="2698750" cy="18002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楕円 1">
            <a:extLst>
              <a:ext uri="{FF2B5EF4-FFF2-40B4-BE49-F238E27FC236}">
                <a16:creationId xmlns:a16="http://schemas.microsoft.com/office/drawing/2014/main" id="{CB847651-8478-B28E-0643-C55665EEC7E4}"/>
              </a:ext>
            </a:extLst>
          </p:cNvPr>
          <p:cNvSpPr/>
          <p:nvPr/>
        </p:nvSpPr>
        <p:spPr>
          <a:xfrm>
            <a:off x="1029176" y="4102895"/>
            <a:ext cx="914400" cy="914400"/>
          </a:xfrm>
          <a:prstGeom prst="ellipse">
            <a:avLst/>
          </a:prstGeom>
          <a:noFill/>
          <a:ln w="38100">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楕円 2">
            <a:extLst>
              <a:ext uri="{FF2B5EF4-FFF2-40B4-BE49-F238E27FC236}">
                <a16:creationId xmlns:a16="http://schemas.microsoft.com/office/drawing/2014/main" id="{37E07163-B716-FBA7-527E-B271BAE2025A}"/>
              </a:ext>
            </a:extLst>
          </p:cNvPr>
          <p:cNvSpPr/>
          <p:nvPr/>
        </p:nvSpPr>
        <p:spPr>
          <a:xfrm>
            <a:off x="3855324" y="3869698"/>
            <a:ext cx="914400" cy="914400"/>
          </a:xfrm>
          <a:prstGeom prst="ellipse">
            <a:avLst/>
          </a:prstGeom>
          <a:noFill/>
          <a:ln w="38100">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Rectangle 8">
            <a:extLst>
              <a:ext uri="{FF2B5EF4-FFF2-40B4-BE49-F238E27FC236}">
                <a16:creationId xmlns:a16="http://schemas.microsoft.com/office/drawing/2014/main" id="{8C216027-7301-D904-B21F-40670D122723}"/>
              </a:ext>
            </a:extLst>
          </p:cNvPr>
          <p:cNvSpPr>
            <a:spLocks noChangeArrowheads="1"/>
          </p:cNvSpPr>
          <p:nvPr/>
        </p:nvSpPr>
        <p:spPr bwMode="auto">
          <a:xfrm>
            <a:off x="728980" y="5870712"/>
            <a:ext cx="7921625" cy="431800"/>
          </a:xfrm>
          <a:prstGeom prst="rect">
            <a:avLst/>
          </a:prstGeom>
          <a:noFill/>
          <a:ln>
            <a:noFill/>
          </a:ln>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defRPr/>
            </a:pPr>
            <a:r>
              <a:rPr lang="ja-JP" altLang="en-US" dirty="0">
                <a:solidFill>
                  <a:schemeClr val="tx2">
                    <a:lumMod val="60000"/>
                    <a:lumOff val="40000"/>
                  </a:schemeClr>
                </a:solidFill>
                <a:ea typeface="HGPｺﾞｼｯｸE" pitchFamily="50" charset="-128"/>
              </a:rPr>
              <a:t>破断面を確認するという知識</a:t>
            </a:r>
          </a:p>
        </p:txBody>
      </p:sp>
      <p:pic>
        <p:nvPicPr>
          <p:cNvPr id="6" name="図 2" descr="\\toyama-city.local\17建設部\1708建設政策\s2\課共有２\01_画像等\03,計画係\橋梁\瓶岩橋\20151019\IMG_8820.JPG">
            <a:extLst>
              <a:ext uri="{FF2B5EF4-FFF2-40B4-BE49-F238E27FC236}">
                <a16:creationId xmlns:a16="http://schemas.microsoft.com/office/drawing/2014/main" id="{77BA3627-222D-566A-527C-7C8B65FA9F67}"/>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3817" y="964907"/>
            <a:ext cx="3134170" cy="2149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ransition spd="slow"/>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08335DEA-D800-3C0C-8843-D0EF43E94BDD}"/>
              </a:ext>
            </a:extLst>
          </p:cNvPr>
          <p:cNvSpPr>
            <a:spLocks noGrp="1"/>
          </p:cNvSpPr>
          <p:nvPr>
            <p:ph type="sldNum" sz="quarter" idx="12"/>
          </p:nvPr>
        </p:nvSpPr>
        <p:spPr/>
        <p:txBody>
          <a:bodyPr/>
          <a:lstStyle/>
          <a:p>
            <a:fld id="{E38FED2D-04CC-4A62-A718-927FC36FD90E}" type="slidenum">
              <a:rPr kumimoji="1" lang="ja-JP" altLang="en-US" smtClean="0"/>
              <a:t>8</a:t>
            </a:fld>
            <a:endParaRPr kumimoji="1" lang="ja-JP" altLang="en-US"/>
          </a:p>
        </p:txBody>
      </p:sp>
      <p:pic>
        <p:nvPicPr>
          <p:cNvPr id="3" name="図 2">
            <a:extLst>
              <a:ext uri="{FF2B5EF4-FFF2-40B4-BE49-F238E27FC236}">
                <a16:creationId xmlns:a16="http://schemas.microsoft.com/office/drawing/2014/main" id="{449FC1E8-86B7-3CD1-5C30-1EB628BD6C60}"/>
              </a:ext>
            </a:extLst>
          </p:cNvPr>
          <p:cNvPicPr>
            <a:picLocks noChangeAspect="1"/>
          </p:cNvPicPr>
          <p:nvPr/>
        </p:nvPicPr>
        <p:blipFill>
          <a:blip r:embed="rId2"/>
          <a:stretch>
            <a:fillRect/>
          </a:stretch>
        </p:blipFill>
        <p:spPr>
          <a:xfrm>
            <a:off x="303530" y="1224855"/>
            <a:ext cx="4054671" cy="2542858"/>
          </a:xfrm>
          <a:prstGeom prst="rect">
            <a:avLst/>
          </a:prstGeom>
        </p:spPr>
      </p:pic>
      <p:sp>
        <p:nvSpPr>
          <p:cNvPr id="4" name="テキスト ボックス 3">
            <a:extLst>
              <a:ext uri="{FF2B5EF4-FFF2-40B4-BE49-F238E27FC236}">
                <a16:creationId xmlns:a16="http://schemas.microsoft.com/office/drawing/2014/main" id="{90238624-6899-12D9-C551-D22D0D316427}"/>
              </a:ext>
            </a:extLst>
          </p:cNvPr>
          <p:cNvSpPr txBox="1"/>
          <p:nvPr/>
        </p:nvSpPr>
        <p:spPr>
          <a:xfrm>
            <a:off x="1310640" y="640080"/>
            <a:ext cx="1826141" cy="584775"/>
          </a:xfrm>
          <a:prstGeom prst="rect">
            <a:avLst/>
          </a:prstGeom>
          <a:noFill/>
        </p:spPr>
        <p:txBody>
          <a:bodyPr wrap="none" rtlCol="0">
            <a:spAutoFit/>
          </a:bodyPr>
          <a:lstStyle/>
          <a:p>
            <a:r>
              <a:rPr kumimoji="1" lang="ja-JP" altLang="en-US" sz="3200" b="1" dirty="0"/>
              <a:t>外水氾濫</a:t>
            </a:r>
          </a:p>
        </p:txBody>
      </p:sp>
      <p:pic>
        <p:nvPicPr>
          <p:cNvPr id="5" name="図 4">
            <a:extLst>
              <a:ext uri="{FF2B5EF4-FFF2-40B4-BE49-F238E27FC236}">
                <a16:creationId xmlns:a16="http://schemas.microsoft.com/office/drawing/2014/main" id="{D16B4A83-CBF0-7899-4376-37DDFD79D05A}"/>
              </a:ext>
            </a:extLst>
          </p:cNvPr>
          <p:cNvPicPr>
            <a:picLocks noChangeAspect="1"/>
          </p:cNvPicPr>
          <p:nvPr/>
        </p:nvPicPr>
        <p:blipFill>
          <a:blip r:embed="rId3"/>
          <a:stretch>
            <a:fillRect/>
          </a:stretch>
        </p:blipFill>
        <p:spPr>
          <a:xfrm>
            <a:off x="4246880" y="4021859"/>
            <a:ext cx="4480002" cy="2517054"/>
          </a:xfrm>
          <a:prstGeom prst="rect">
            <a:avLst/>
          </a:prstGeom>
        </p:spPr>
      </p:pic>
      <p:sp>
        <p:nvSpPr>
          <p:cNvPr id="6" name="テキスト ボックス 5">
            <a:extLst>
              <a:ext uri="{FF2B5EF4-FFF2-40B4-BE49-F238E27FC236}">
                <a16:creationId xmlns:a16="http://schemas.microsoft.com/office/drawing/2014/main" id="{93CA432F-9C3D-E3E6-ADA6-86A457DBD325}"/>
              </a:ext>
            </a:extLst>
          </p:cNvPr>
          <p:cNvSpPr txBox="1"/>
          <p:nvPr/>
        </p:nvSpPr>
        <p:spPr>
          <a:xfrm>
            <a:off x="5660509" y="3017624"/>
            <a:ext cx="1826141" cy="584775"/>
          </a:xfrm>
          <a:prstGeom prst="rect">
            <a:avLst/>
          </a:prstGeom>
          <a:noFill/>
        </p:spPr>
        <p:txBody>
          <a:bodyPr wrap="none" rtlCol="0">
            <a:spAutoFit/>
          </a:bodyPr>
          <a:lstStyle/>
          <a:p>
            <a:r>
              <a:rPr kumimoji="1" lang="ja-JP" altLang="en-US" sz="3200" b="1" dirty="0"/>
              <a:t>内水氾濫</a:t>
            </a:r>
          </a:p>
        </p:txBody>
      </p:sp>
      <p:sp>
        <p:nvSpPr>
          <p:cNvPr id="7" name="テキスト ボックス 6">
            <a:extLst>
              <a:ext uri="{FF2B5EF4-FFF2-40B4-BE49-F238E27FC236}">
                <a16:creationId xmlns:a16="http://schemas.microsoft.com/office/drawing/2014/main" id="{7A378637-99D0-7C2E-A6B7-E4FBBED6A5E5}"/>
              </a:ext>
            </a:extLst>
          </p:cNvPr>
          <p:cNvSpPr txBox="1"/>
          <p:nvPr/>
        </p:nvSpPr>
        <p:spPr>
          <a:xfrm>
            <a:off x="4439920" y="436562"/>
            <a:ext cx="3865161" cy="407035"/>
          </a:xfrm>
          <a:prstGeom prst="rect">
            <a:avLst/>
          </a:prstGeom>
          <a:noFill/>
        </p:spPr>
        <p:txBody>
          <a:bodyPr wrap="none" rtlCol="0">
            <a:spAutoFit/>
          </a:bodyPr>
          <a:lstStyle/>
          <a:p>
            <a:r>
              <a:rPr kumimoji="1" lang="ja-JP" altLang="en-US" b="1" dirty="0"/>
              <a:t>社会の変化により災害も変わる</a:t>
            </a:r>
          </a:p>
        </p:txBody>
      </p:sp>
    </p:spTree>
    <p:extLst>
      <p:ext uri="{BB962C8B-B14F-4D97-AF65-F5344CB8AC3E}">
        <p14:creationId xmlns:p14="http://schemas.microsoft.com/office/powerpoint/2010/main" val="419881599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D916F0E2-BCBC-C10B-74F4-5CDE52FF857B}"/>
              </a:ext>
            </a:extLst>
          </p:cNvPr>
          <p:cNvPicPr>
            <a:picLocks noChangeAspect="1"/>
          </p:cNvPicPr>
          <p:nvPr/>
        </p:nvPicPr>
        <p:blipFill>
          <a:blip r:embed="rId2"/>
          <a:stretch>
            <a:fillRect/>
          </a:stretch>
        </p:blipFill>
        <p:spPr>
          <a:xfrm>
            <a:off x="5035" y="76200"/>
            <a:ext cx="9138965" cy="6858000"/>
          </a:xfrm>
          <a:prstGeom prst="rect">
            <a:avLst/>
          </a:prstGeom>
        </p:spPr>
      </p:pic>
      <p:sp>
        <p:nvSpPr>
          <p:cNvPr id="3" name="テキスト ボックス 2">
            <a:extLst>
              <a:ext uri="{FF2B5EF4-FFF2-40B4-BE49-F238E27FC236}">
                <a16:creationId xmlns:a16="http://schemas.microsoft.com/office/drawing/2014/main" id="{63D9F007-3FDF-EB17-BF32-6B74DB11EC01}"/>
              </a:ext>
            </a:extLst>
          </p:cNvPr>
          <p:cNvSpPr txBox="1"/>
          <p:nvPr/>
        </p:nvSpPr>
        <p:spPr>
          <a:xfrm>
            <a:off x="1741714" y="457200"/>
            <a:ext cx="2646878" cy="584775"/>
          </a:xfrm>
          <a:prstGeom prst="rect">
            <a:avLst/>
          </a:prstGeom>
          <a:noFill/>
        </p:spPr>
        <p:txBody>
          <a:bodyPr wrap="none" rtlCol="0">
            <a:spAutoFit/>
          </a:bodyPr>
          <a:lstStyle/>
          <a:p>
            <a:r>
              <a:rPr kumimoji="1" lang="ja-JP" altLang="en-US" sz="3200" b="1" dirty="0"/>
              <a:t>秋田　由利橋</a:t>
            </a:r>
          </a:p>
        </p:txBody>
      </p:sp>
    </p:spTree>
    <p:extLst>
      <p:ext uri="{BB962C8B-B14F-4D97-AF65-F5344CB8AC3E}">
        <p14:creationId xmlns:p14="http://schemas.microsoft.com/office/powerpoint/2010/main" val="2866315992"/>
      </p:ext>
    </p:extLst>
  </p:cSld>
  <p:clrMapOvr>
    <a:masterClrMapping/>
  </p:clrMapOvr>
</p:sld>
</file>

<file path=ppt/theme/_rels/themeOverride1.xml.rels><?xml version="1.0" encoding="UTF-8" standalone="yes"?>
<Relationships xmlns="http://schemas.openxmlformats.org/package/2006/relationships"><Relationship Id="rId1" Type="http://schemas.openxmlformats.org/officeDocument/2006/relationships/image" Target="../media/image51.jpeg"/></Relationships>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2013 - 2022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アース">
    <a:dk1>
      <a:sysClr val="windowText" lastClr="000000"/>
    </a:dk1>
    <a:lt1>
      <a:sysClr val="window" lastClr="FFFFFF"/>
    </a:lt1>
    <a:dk2>
      <a:srgbClr val="464653"/>
    </a:dk2>
    <a:lt2>
      <a:srgbClr val="DDE9EC"/>
    </a:lt2>
    <a:accent1>
      <a:srgbClr val="727CA3"/>
    </a:accent1>
    <a:accent2>
      <a:srgbClr val="9FB8CD"/>
    </a:accent2>
    <a:accent3>
      <a:srgbClr val="D2DA7A"/>
    </a:accent3>
    <a:accent4>
      <a:srgbClr val="FADA7A"/>
    </a:accent4>
    <a:accent5>
      <a:srgbClr val="B88472"/>
    </a:accent5>
    <a:accent6>
      <a:srgbClr val="8E736A"/>
    </a:accent6>
    <a:hlink>
      <a:srgbClr val="B292CA"/>
    </a:hlink>
    <a:folHlink>
      <a:srgbClr val="6B5680"/>
    </a:folHlink>
  </a:clrScheme>
  <a:fontScheme name="アース">
    <a:majorFont>
      <a:latin typeface="Bookman Old Style"/>
      <a:ea typeface=""/>
      <a:cs typeface=""/>
      <a:font script="Grek" typeface="Cambria"/>
      <a:font script="Cyrl" typeface="Cambria"/>
      <a:font script="Jpan" typeface="HG明朝E"/>
      <a:font script="Hang" typeface="돋움"/>
      <a:font script="Hans" typeface="宋体"/>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Gill Sans MT"/>
      <a:ea typeface=""/>
      <a:cs typeface=""/>
      <a:font script="Grek" typeface="Calibri"/>
      <a:font script="Cyrl" typeface="Calibri"/>
      <a:font script="Jpan" typeface="ＭＳ Ｐゴシック"/>
      <a:font script="Hang" typeface="맑은 고딕"/>
      <a:font script="Hans" typeface="华文新魏"/>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アース">
    <a:fillStyleLst>
      <a:solidFill>
        <a:schemeClr val="phClr"/>
      </a:solidFill>
      <a:gradFill rotWithShape="1">
        <a:gsLst>
          <a:gs pos="0">
            <a:schemeClr val="phClr">
              <a:tint val="45000"/>
              <a:satMod val="200000"/>
            </a:schemeClr>
          </a:gs>
          <a:gs pos="30000">
            <a:schemeClr val="phClr">
              <a:tint val="61000"/>
              <a:satMod val="200000"/>
            </a:schemeClr>
          </a:gs>
          <a:gs pos="45000">
            <a:schemeClr val="phClr">
              <a:tint val="66000"/>
              <a:satMod val="200000"/>
            </a:schemeClr>
          </a:gs>
          <a:gs pos="55000">
            <a:schemeClr val="phClr">
              <a:tint val="66000"/>
              <a:satMod val="200000"/>
            </a:schemeClr>
          </a:gs>
          <a:gs pos="73000">
            <a:schemeClr val="phClr">
              <a:tint val="61000"/>
              <a:satMod val="200000"/>
            </a:schemeClr>
          </a:gs>
          <a:gs pos="100000">
            <a:schemeClr val="phClr">
              <a:tint val="45000"/>
              <a:satMod val="200000"/>
            </a:schemeClr>
          </a:gs>
        </a:gsLst>
        <a:lin ang="950000" scaled="1"/>
      </a:gradFill>
      <a:gradFill rotWithShape="1">
        <a:gsLst>
          <a:gs pos="0">
            <a:schemeClr val="phClr">
              <a:shade val="63000"/>
            </a:schemeClr>
          </a:gs>
          <a:gs pos="30000">
            <a:schemeClr val="phClr">
              <a:shade val="90000"/>
              <a:satMod val="110000"/>
            </a:schemeClr>
          </a:gs>
          <a:gs pos="45000">
            <a:schemeClr val="phClr">
              <a:shade val="100000"/>
              <a:satMod val="118000"/>
            </a:schemeClr>
          </a:gs>
          <a:gs pos="55000">
            <a:schemeClr val="phClr">
              <a:shade val="100000"/>
              <a:satMod val="118000"/>
            </a:schemeClr>
          </a:gs>
          <a:gs pos="73000">
            <a:schemeClr val="phClr">
              <a:shade val="90000"/>
              <a:satMod val="110000"/>
            </a:schemeClr>
          </a:gs>
          <a:gs pos="100000">
            <a:schemeClr val="phClr">
              <a:shade val="63000"/>
            </a:schemeClr>
          </a:gs>
        </a:gsLst>
        <a:lin ang="950000" scaled="1"/>
      </a:gradFill>
    </a:fillStyleLst>
    <a:lnStyleLst>
      <a:ln w="9525" cap="flat" cmpd="sng" algn="ctr">
        <a:solidFill>
          <a:schemeClr val="phClr"/>
        </a:solidFill>
        <a:prstDash val="solid"/>
      </a:ln>
      <a:ln w="19050" cap="flat" cmpd="sng" algn="ctr">
        <a:solidFill>
          <a:schemeClr val="phClr"/>
        </a:solidFill>
        <a:prstDash val="solid"/>
      </a:ln>
      <a:ln w="25400" cap="flat" cmpd="sng" algn="ctr">
        <a:solidFill>
          <a:schemeClr val="phClr"/>
        </a:solidFill>
        <a:prstDash val="solid"/>
      </a:ln>
    </a:lnStyleLst>
    <a:effectStyleLst>
      <a:effectStyle>
        <a:effectLst>
          <a:outerShdw blurRad="38100" dist="25400" dir="5400000" rotWithShape="0">
            <a:srgbClr val="000000">
              <a:alpha val="40000"/>
            </a:srgbClr>
          </a:outerShdw>
        </a:effectLst>
      </a:effectStyle>
      <a:effectStyle>
        <a:effectLst>
          <a:outerShdw blurRad="50800" dist="43000" dir="5400000" rotWithShape="0">
            <a:srgbClr val="000000">
              <a:alpha val="40000"/>
            </a:srgbClr>
          </a:outerShdw>
        </a:effectLst>
        <a:scene3d>
          <a:camera prst="orthographicFront" fov="0">
            <a:rot lat="0" lon="0" rev="0"/>
          </a:camera>
          <a:lightRig rig="balanced" dir="t">
            <a:rot lat="0" lon="0" rev="0"/>
          </a:lightRig>
        </a:scene3d>
        <a:sp3d prstMaterial="matte">
          <a:bevelT w="0" h="0"/>
          <a:contourClr>
            <a:schemeClr val="phClr">
              <a:tint val="100000"/>
              <a:shade val="100000"/>
              <a:hueMod val="100000"/>
              <a:satMod val="100000"/>
            </a:schemeClr>
          </a:contourClr>
        </a:sp3d>
      </a:effectStyle>
      <a:effectStyle>
        <a:effectLst>
          <a:outerShdw blurRad="50800" dist="25400" dir="5400000" rotWithShape="0">
            <a:srgbClr val="000000">
              <a:alpha val="50000"/>
            </a:srgbClr>
          </a:outerShdw>
        </a:effectLst>
        <a:scene3d>
          <a:camera prst="orthographicFront" fov="0">
            <a:rot lat="0" lon="0" rev="0"/>
          </a:camera>
          <a:lightRig rig="soft" dir="t">
            <a:rot lat="0" lon="0" rev="2700000"/>
          </a:lightRig>
        </a:scene3d>
        <a:sp3d prstMaterial="matte">
          <a:bevelT w="50800" h="50800"/>
          <a:contourClr>
            <a:schemeClr val="phClr"/>
          </a:contourClr>
        </a:sp3d>
      </a:effectStyle>
    </a:effectStyleLst>
    <a:bgFillStyleLst>
      <a:solidFill>
        <a:schemeClr val="phClr"/>
      </a:solidFill>
      <a:gradFill rotWithShape="1">
        <a:gsLst>
          <a:gs pos="0">
            <a:schemeClr val="phClr">
              <a:shade val="60000"/>
              <a:satMod val="300000"/>
            </a:schemeClr>
          </a:gs>
          <a:gs pos="30000">
            <a:schemeClr val="phClr">
              <a:shade val="80000"/>
              <a:satMod val="230000"/>
            </a:schemeClr>
          </a:gs>
          <a:gs pos="100000">
            <a:schemeClr val="phClr">
              <a:tint val="97000"/>
              <a:satMod val="220000"/>
            </a:schemeClr>
          </a:gs>
        </a:gsLst>
        <a:lin ang="16200000" scaled="1"/>
      </a:gradFill>
      <a:blipFill>
        <a:blip xmlns:r="http://schemas.openxmlformats.org/officeDocument/2006/relationships" r:embed="rId1">
          <a:duotone>
            <a:schemeClr val="phClr">
              <a:shade val="6000"/>
              <a:satMod val="120000"/>
            </a:schemeClr>
            <a:schemeClr val="phClr">
              <a:tint val="90000"/>
            </a:schemeClr>
          </a:duotone>
        </a:blip>
        <a:tile tx="0" ty="0" sx="35000" sy="40000" flip="x" algn="tl"/>
      </a:blipFill>
    </a:bgFillStyleLst>
  </a:fmtScheme>
</a:themeOverride>
</file>

<file path=docProps/app.xml><?xml version="1.0" encoding="utf-8"?>
<Properties xmlns="http://schemas.openxmlformats.org/officeDocument/2006/extended-properties" xmlns:vt="http://schemas.openxmlformats.org/officeDocument/2006/docPropsVTypes">
  <Template>Office 2013 - 2022 Theme</Template>
  <TotalTime>122</TotalTime>
  <Words>1652</Words>
  <Application>Microsoft Office PowerPoint</Application>
  <PresentationFormat>画面に合わせる (4:3)</PresentationFormat>
  <Paragraphs>334</Paragraphs>
  <Slides>42</Slides>
  <Notes>1</Notes>
  <HiddenSlides>0</HiddenSlides>
  <MMClips>0</MMClips>
  <ScaleCrop>false</ScaleCrop>
  <HeadingPairs>
    <vt:vector size="6" baseType="variant">
      <vt:variant>
        <vt:lpstr>使用されているフォント</vt:lpstr>
      </vt:variant>
      <vt:variant>
        <vt:i4>14</vt:i4>
      </vt:variant>
      <vt:variant>
        <vt:lpstr>テーマ</vt:lpstr>
      </vt:variant>
      <vt:variant>
        <vt:i4>1</vt:i4>
      </vt:variant>
      <vt:variant>
        <vt:lpstr>スライド タイトル</vt:lpstr>
      </vt:variant>
      <vt:variant>
        <vt:i4>42</vt:i4>
      </vt:variant>
    </vt:vector>
  </HeadingPairs>
  <TitlesOfParts>
    <vt:vector size="57" baseType="lpstr">
      <vt:lpstr>HGPｺﾞｼｯｸE</vt:lpstr>
      <vt:lpstr>HGｺﾞｼｯｸM</vt:lpstr>
      <vt:lpstr>HG丸ｺﾞｼｯｸM-PRO</vt:lpstr>
      <vt:lpstr>ＭＳ Ｐゴシック</vt:lpstr>
      <vt:lpstr>ＭＳ ゴシック</vt:lpstr>
      <vt:lpstr>ヒラギノ角ゴ Pro W3</vt:lpstr>
      <vt:lpstr>游ゴシック</vt:lpstr>
      <vt:lpstr>游明朝</vt:lpstr>
      <vt:lpstr>Arial</vt:lpstr>
      <vt:lpstr>Calibri</vt:lpstr>
      <vt:lpstr>Calibri Light</vt:lpstr>
      <vt:lpstr>Tahoma</vt:lpstr>
      <vt:lpstr>Times New Roman</vt:lpstr>
      <vt:lpstr>Wingdings</vt:lpstr>
      <vt:lpstr>Office テーマ</vt:lpstr>
      <vt:lpstr>「インフラ事故　への対応」　　　　　　　　　　　　　第１回 </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危険な橋梁の処置（負のリスク）検証技術 　４０年経過した、オーバーブリッジ（PC斜πラーメン橋） 　検証を行い撤去の決定　⇒撤去まで１０年かかる 　設計、施工はNEXCO、移管され監理は富山市　撤去　費用１８億円 </vt:lpstr>
      <vt:lpstr>下水道施設における硫酸劣化</vt:lpstr>
      <vt:lpstr>硫酸による劣化の特徴</vt:lpstr>
      <vt:lpstr>PowerPoint プレゼンテーション</vt:lpstr>
      <vt:lpstr>硫酸による劣化対策？</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構造物調査の種類だけでも　（非破壊検査をもっと活用）</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打撃振動試験 橋梁を構造物全体形として安全誌を確認 衝撃弾性波を利用し固有振動数を検知 橋梁の全体健全性を評価する目的</vt:lpstr>
      <vt:lpstr>PowerPoint プレゼンテーション</vt:lpstr>
      <vt:lpstr>PowerPoint プレゼンテーション</vt:lpstr>
      <vt:lpstr>PowerPoint プレゼンテーション</vt:lpstr>
      <vt:lpstr>お疲れさまでした</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芳彦 植野</dc:creator>
  <cp:lastModifiedBy>芳彦 植野</cp:lastModifiedBy>
  <cp:revision>1</cp:revision>
  <dcterms:created xsi:type="dcterms:W3CDTF">2025-02-22T07:57:20Z</dcterms:created>
  <dcterms:modified xsi:type="dcterms:W3CDTF">2025-04-15T20:59:09Z</dcterms:modified>
</cp:coreProperties>
</file>